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mkv" ContentType="video/unknown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ppt/notesSlides/notesSlide40.xml" ContentType="application/vnd.openxmlformats-officedocument.presentationml.notesSlide+xml"/>
  <Override PartName="/ppt/notesSlides/notesSlide41.xml" ContentType="application/vnd.openxmlformats-officedocument.presentationml.notesSlide+xml"/>
  <Override PartName="/ppt/notesSlides/notesSlide42.xml" ContentType="application/vnd.openxmlformats-officedocument.presentationml.notesSlide+xml"/>
  <Override PartName="/ppt/notesSlides/notesSlide43.xml" ContentType="application/vnd.openxmlformats-officedocument.presentationml.notesSlide+xml"/>
  <Override PartName="/ppt/notesSlides/notesSlide44.xml" ContentType="application/vnd.openxmlformats-officedocument.presentationml.notesSlide+xml"/>
  <Override PartName="/ppt/notesSlides/notesSlide45.xml" ContentType="application/vnd.openxmlformats-officedocument.presentationml.notesSlide+xml"/>
  <Override PartName="/ppt/notesSlides/notesSlide46.xml" ContentType="application/vnd.openxmlformats-officedocument.presentationml.notesSlide+xml"/>
  <Override PartName="/ppt/notesSlides/notesSlide47.xml" ContentType="application/vnd.openxmlformats-officedocument.presentationml.notesSlide+xml"/>
  <Override PartName="/ppt/notesSlides/notesSlide48.xml" ContentType="application/vnd.openxmlformats-officedocument.presentationml.notesSlide+xml"/>
  <Override PartName="/ppt/notesSlides/notesSlide49.xml" ContentType="application/vnd.openxmlformats-officedocument.presentationml.notesSlide+xml"/>
  <Override PartName="/ppt/notesSlides/notesSlide50.xml" ContentType="application/vnd.openxmlformats-officedocument.presentationml.notesSlide+xml"/>
  <Override PartName="/ppt/notesSlides/notesSlide51.xml" ContentType="application/vnd.openxmlformats-officedocument.presentationml.notesSlide+xml"/>
  <Override PartName="/ppt/notesSlides/notesSlide5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10"/>
  </p:sldMasterIdLst>
  <p:notesMasterIdLst>
    <p:notesMasterId r:id="rId163"/>
  </p:notesMasterIdLst>
  <p:handoutMasterIdLst>
    <p:handoutMasterId r:id="rId164"/>
  </p:handoutMasterIdLst>
  <p:sldIdLst>
    <p:sldId id="265" r:id="rId111"/>
    <p:sldId id="262" r:id="rId112"/>
    <p:sldId id="261" r:id="rId113"/>
    <p:sldId id="268" r:id="rId114"/>
    <p:sldId id="276" r:id="rId115"/>
    <p:sldId id="267" r:id="rId116"/>
    <p:sldId id="278" r:id="rId117"/>
    <p:sldId id="299" r:id="rId118"/>
    <p:sldId id="279" r:id="rId119"/>
    <p:sldId id="271" r:id="rId120"/>
    <p:sldId id="266" r:id="rId121"/>
    <p:sldId id="277" r:id="rId122"/>
    <p:sldId id="270" r:id="rId123"/>
    <p:sldId id="287" r:id="rId124"/>
    <p:sldId id="285" r:id="rId125"/>
    <p:sldId id="280" r:id="rId126"/>
    <p:sldId id="284" r:id="rId127"/>
    <p:sldId id="288" r:id="rId128"/>
    <p:sldId id="269" r:id="rId129"/>
    <p:sldId id="291" r:id="rId130"/>
    <p:sldId id="272" r:id="rId131"/>
    <p:sldId id="292" r:id="rId132"/>
    <p:sldId id="290" r:id="rId133"/>
    <p:sldId id="293" r:id="rId134"/>
    <p:sldId id="294" r:id="rId135"/>
    <p:sldId id="302" r:id="rId136"/>
    <p:sldId id="300" r:id="rId137"/>
    <p:sldId id="281" r:id="rId138"/>
    <p:sldId id="297" r:id="rId139"/>
    <p:sldId id="298" r:id="rId140"/>
    <p:sldId id="273" r:id="rId141"/>
    <p:sldId id="282" r:id="rId142"/>
    <p:sldId id="303" r:id="rId143"/>
    <p:sldId id="304" r:id="rId144"/>
    <p:sldId id="301" r:id="rId145"/>
    <p:sldId id="283" r:id="rId146"/>
    <p:sldId id="275" r:id="rId147"/>
    <p:sldId id="310" r:id="rId148"/>
    <p:sldId id="295" r:id="rId149"/>
    <p:sldId id="312" r:id="rId150"/>
    <p:sldId id="313" r:id="rId151"/>
    <p:sldId id="311" r:id="rId152"/>
    <p:sldId id="307" r:id="rId153"/>
    <p:sldId id="308" r:id="rId154"/>
    <p:sldId id="316" r:id="rId155"/>
    <p:sldId id="309" r:id="rId156"/>
    <p:sldId id="315" r:id="rId157"/>
    <p:sldId id="305" r:id="rId158"/>
    <p:sldId id="314" r:id="rId159"/>
    <p:sldId id="306" r:id="rId160"/>
    <p:sldId id="317" r:id="rId161"/>
    <p:sldId id="264" r:id="rId162"/>
  </p:sldIdLst>
  <p:sldSz cx="12192000" cy="6858000"/>
  <p:notesSz cx="6858000" cy="9144000"/>
  <p:embeddedFontLst>
    <p:embeddedFont>
      <p:font typeface="Aptos Mono" panose="020B0009020202020204" pitchFamily="49" charset="0"/>
      <p:regular r:id="rId165"/>
      <p:bold r:id="rId166"/>
      <p:italic r:id="rId167"/>
      <p:boldItalic r:id="rId168"/>
    </p:embeddedFont>
    <p:embeddedFont>
      <p:font typeface="Netcompany-Offc" panose="020B0604020202020204" charset="0"/>
      <p:regular r:id="rId169"/>
      <p:bold r:id="rId170"/>
      <p:italic r:id="rId171"/>
      <p:boldItalic r:id="rId172"/>
    </p:embeddedFont>
    <p:embeddedFont>
      <p:font typeface="Tahoma" panose="020B0604030504040204" pitchFamily="34" charset="0"/>
      <p:regular r:id="rId173"/>
      <p:bold r:id="rId174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23836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17292A2E-F333-43FB-9621-5CBBE7FDCDCB}" styleName="Light Style 2 - Accent 4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</a:tcBdr>
      </a:tcStyle>
    </a:band1H>
    <a:band1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1V>
    <a:band2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4"/>
        </a:fillRef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80" autoAdjust="0"/>
    <p:restoredTop sz="78208" autoAdjust="0"/>
  </p:normalViewPr>
  <p:slideViewPr>
    <p:cSldViewPr snapToGrid="0" showGuides="1">
      <p:cViewPr varScale="1">
        <p:scale>
          <a:sx n="99" d="100"/>
          <a:sy n="99" d="100"/>
        </p:scale>
        <p:origin x="366" y="90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3552" y="-43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28.xml"/><Relationship Id="rId159" Type="http://schemas.openxmlformats.org/officeDocument/2006/relationships/slide" Target="slides/slide49.xml"/><Relationship Id="rId170" Type="http://schemas.openxmlformats.org/officeDocument/2006/relationships/font" Target="fonts/font6.fntdata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18.xml"/><Relationship Id="rId149" Type="http://schemas.openxmlformats.org/officeDocument/2006/relationships/slide" Target="slides/slide39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160" Type="http://schemas.openxmlformats.org/officeDocument/2006/relationships/slide" Target="slides/slide50.xml"/><Relationship Id="rId22" Type="http://schemas.openxmlformats.org/officeDocument/2006/relationships/customXml" Target="../customXml/item22.xml"/><Relationship Id="rId43" Type="http://schemas.openxmlformats.org/officeDocument/2006/relationships/customXml" Target="../customXml/item43.xml"/><Relationship Id="rId64" Type="http://schemas.openxmlformats.org/officeDocument/2006/relationships/customXml" Target="../customXml/item64.xml"/><Relationship Id="rId118" Type="http://schemas.openxmlformats.org/officeDocument/2006/relationships/slide" Target="slides/slide8.xml"/><Relationship Id="rId139" Type="http://schemas.openxmlformats.org/officeDocument/2006/relationships/slide" Target="slides/slide29.xml"/><Relationship Id="rId85" Type="http://schemas.openxmlformats.org/officeDocument/2006/relationships/customXml" Target="../customXml/item85.xml"/><Relationship Id="rId150" Type="http://schemas.openxmlformats.org/officeDocument/2006/relationships/slide" Target="slides/slide40.xml"/><Relationship Id="rId171" Type="http://schemas.openxmlformats.org/officeDocument/2006/relationships/font" Target="fonts/font7.fntdata"/><Relationship Id="rId12" Type="http://schemas.openxmlformats.org/officeDocument/2006/relationships/customXml" Target="../customXml/item12.xml"/><Relationship Id="rId33" Type="http://schemas.openxmlformats.org/officeDocument/2006/relationships/customXml" Target="../customXml/item33.xml"/><Relationship Id="rId108" Type="http://schemas.openxmlformats.org/officeDocument/2006/relationships/customXml" Target="../customXml/item108.xml"/><Relationship Id="rId129" Type="http://schemas.openxmlformats.org/officeDocument/2006/relationships/slide" Target="slides/slide19.xml"/><Relationship Id="rId54" Type="http://schemas.openxmlformats.org/officeDocument/2006/relationships/customXml" Target="../customXml/item54.xml"/><Relationship Id="rId75" Type="http://schemas.openxmlformats.org/officeDocument/2006/relationships/customXml" Target="../customXml/item75.xml"/><Relationship Id="rId96" Type="http://schemas.openxmlformats.org/officeDocument/2006/relationships/customXml" Target="../customXml/item96.xml"/><Relationship Id="rId140" Type="http://schemas.openxmlformats.org/officeDocument/2006/relationships/slide" Target="slides/slide30.xml"/><Relationship Id="rId161" Type="http://schemas.openxmlformats.org/officeDocument/2006/relationships/slide" Target="slides/slide5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slide" Target="slides/slide4.xml"/><Relationship Id="rId119" Type="http://schemas.openxmlformats.org/officeDocument/2006/relationships/slide" Target="slides/slide9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20.xml"/><Relationship Id="rId135" Type="http://schemas.openxmlformats.org/officeDocument/2006/relationships/slide" Target="slides/slide25.xml"/><Relationship Id="rId151" Type="http://schemas.openxmlformats.org/officeDocument/2006/relationships/slide" Target="slides/slide41.xml"/><Relationship Id="rId156" Type="http://schemas.openxmlformats.org/officeDocument/2006/relationships/slide" Target="slides/slide46.xml"/><Relationship Id="rId177" Type="http://schemas.openxmlformats.org/officeDocument/2006/relationships/theme" Target="theme/theme1.xml"/><Relationship Id="rId172" Type="http://schemas.openxmlformats.org/officeDocument/2006/relationships/font" Target="fonts/font8.fntdata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customXml" Target="../customXml/item104.xml"/><Relationship Id="rId120" Type="http://schemas.openxmlformats.org/officeDocument/2006/relationships/slide" Target="slides/slide10.xml"/><Relationship Id="rId125" Type="http://schemas.openxmlformats.org/officeDocument/2006/relationships/slide" Target="slides/slide15.xml"/><Relationship Id="rId141" Type="http://schemas.openxmlformats.org/officeDocument/2006/relationships/slide" Target="slides/slide31.xml"/><Relationship Id="rId146" Type="http://schemas.openxmlformats.org/officeDocument/2006/relationships/slide" Target="slides/slide36.xml"/><Relationship Id="rId167" Type="http://schemas.openxmlformats.org/officeDocument/2006/relationships/font" Target="fonts/font3.fntdata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162" Type="http://schemas.openxmlformats.org/officeDocument/2006/relationships/slide" Target="slides/slide5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Master" Target="slideMasters/slideMaster1.xml"/><Relationship Id="rId115" Type="http://schemas.openxmlformats.org/officeDocument/2006/relationships/slide" Target="slides/slide5.xml"/><Relationship Id="rId131" Type="http://schemas.openxmlformats.org/officeDocument/2006/relationships/slide" Target="slides/slide21.xml"/><Relationship Id="rId136" Type="http://schemas.openxmlformats.org/officeDocument/2006/relationships/slide" Target="slides/slide26.xml"/><Relationship Id="rId157" Type="http://schemas.openxmlformats.org/officeDocument/2006/relationships/slide" Target="slides/slide47.xml"/><Relationship Id="rId178" Type="http://schemas.openxmlformats.org/officeDocument/2006/relationships/tableStyles" Target="tableStyles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slide" Target="slides/slide42.xml"/><Relationship Id="rId173" Type="http://schemas.openxmlformats.org/officeDocument/2006/relationships/font" Target="fonts/font9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slide" Target="slides/slide16.xml"/><Relationship Id="rId147" Type="http://schemas.openxmlformats.org/officeDocument/2006/relationships/slide" Target="slides/slide37.xml"/><Relationship Id="rId168" Type="http://schemas.openxmlformats.org/officeDocument/2006/relationships/font" Target="fonts/font4.fntdata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slide" Target="slides/slide11.xml"/><Relationship Id="rId142" Type="http://schemas.openxmlformats.org/officeDocument/2006/relationships/slide" Target="slides/slide32.xml"/><Relationship Id="rId163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slide" Target="slides/slide6.xml"/><Relationship Id="rId137" Type="http://schemas.openxmlformats.org/officeDocument/2006/relationships/slide" Target="slides/slide27.xml"/><Relationship Id="rId158" Type="http://schemas.openxmlformats.org/officeDocument/2006/relationships/slide" Target="slides/slide48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slide" Target="slides/slide1.xml"/><Relationship Id="rId132" Type="http://schemas.openxmlformats.org/officeDocument/2006/relationships/slide" Target="slides/slide22.xml"/><Relationship Id="rId153" Type="http://schemas.openxmlformats.org/officeDocument/2006/relationships/slide" Target="slides/slide43.xml"/><Relationship Id="rId174" Type="http://schemas.openxmlformats.org/officeDocument/2006/relationships/font" Target="fonts/font10.fntdata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slide" Target="slides/slide1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slide" Target="slides/slide12.xml"/><Relationship Id="rId143" Type="http://schemas.openxmlformats.org/officeDocument/2006/relationships/slide" Target="slides/slide33.xml"/><Relationship Id="rId148" Type="http://schemas.openxmlformats.org/officeDocument/2006/relationships/slide" Target="slides/slide38.xml"/><Relationship Id="rId164" Type="http://schemas.openxmlformats.org/officeDocument/2006/relationships/handoutMaster" Target="handoutMasters/handoutMaster1.xml"/><Relationship Id="rId169" Type="http://schemas.openxmlformats.org/officeDocument/2006/relationships/font" Target="fonts/font5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slide" Target="slides/slide2.xml"/><Relationship Id="rId133" Type="http://schemas.openxmlformats.org/officeDocument/2006/relationships/slide" Target="slides/slide23.xml"/><Relationship Id="rId154" Type="http://schemas.openxmlformats.org/officeDocument/2006/relationships/slide" Target="slides/slide44.xml"/><Relationship Id="rId175" Type="http://schemas.openxmlformats.org/officeDocument/2006/relationships/presProps" Target="presProps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slide" Target="slides/slide13.xml"/><Relationship Id="rId144" Type="http://schemas.openxmlformats.org/officeDocument/2006/relationships/slide" Target="slides/slide34.xml"/><Relationship Id="rId90" Type="http://schemas.openxmlformats.org/officeDocument/2006/relationships/customXml" Target="../customXml/item90.xml"/><Relationship Id="rId165" Type="http://schemas.openxmlformats.org/officeDocument/2006/relationships/font" Target="fonts/font1.fntdata"/><Relationship Id="rId27" Type="http://schemas.openxmlformats.org/officeDocument/2006/relationships/customXml" Target="../customXml/item27.xml"/><Relationship Id="rId48" Type="http://schemas.openxmlformats.org/officeDocument/2006/relationships/customXml" Target="../customXml/item48.xml"/><Relationship Id="rId69" Type="http://schemas.openxmlformats.org/officeDocument/2006/relationships/customXml" Target="../customXml/item69.xml"/><Relationship Id="rId113" Type="http://schemas.openxmlformats.org/officeDocument/2006/relationships/slide" Target="slides/slide3.xml"/><Relationship Id="rId134" Type="http://schemas.openxmlformats.org/officeDocument/2006/relationships/slide" Target="slides/slide24.xml"/><Relationship Id="rId80" Type="http://schemas.openxmlformats.org/officeDocument/2006/relationships/customXml" Target="../customXml/item80.xml"/><Relationship Id="rId155" Type="http://schemas.openxmlformats.org/officeDocument/2006/relationships/slide" Target="slides/slide45.xml"/><Relationship Id="rId176" Type="http://schemas.openxmlformats.org/officeDocument/2006/relationships/viewProps" Target="viewProps.xml"/><Relationship Id="rId17" Type="http://schemas.openxmlformats.org/officeDocument/2006/relationships/customXml" Target="../customXml/item17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24" Type="http://schemas.openxmlformats.org/officeDocument/2006/relationships/slide" Target="slides/slide14.xml"/><Relationship Id="rId70" Type="http://schemas.openxmlformats.org/officeDocument/2006/relationships/customXml" Target="../customXml/item70.xml"/><Relationship Id="rId91" Type="http://schemas.openxmlformats.org/officeDocument/2006/relationships/customXml" Target="../customXml/item91.xml"/><Relationship Id="rId145" Type="http://schemas.openxmlformats.org/officeDocument/2006/relationships/slide" Target="slides/slide35.xml"/><Relationship Id="rId166" Type="http://schemas.openxmlformats.org/officeDocument/2006/relationships/font" Target="fonts/font2.fntdata"/><Relationship Id="rId1" Type="http://schemas.openxmlformats.org/officeDocument/2006/relationships/customXml" Target="../customXml/item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26D1F8A-F8D0-4BE8-A68D-D0E19DFD7784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46A58AC-7754-4623-9BAF-1E5C377CA539}" type="datetime1">
              <a:rPr lang="en-GB" smtClean="0"/>
              <a:t>22/05/2025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0.xml"/><Relationship Id="rId1" Type="http://schemas.openxmlformats.org/officeDocument/2006/relationships/notesMaster" Target="../notesMasters/notesMaster1.xml"/></Relationships>
</file>

<file path=ppt/notesSlides/_rels/notesSlide4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1.xml"/><Relationship Id="rId1" Type="http://schemas.openxmlformats.org/officeDocument/2006/relationships/notesMaster" Target="../notesMasters/notesMaster1.xml"/></Relationships>
</file>

<file path=ppt/notesSlides/_rels/notesSlide4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2.xml"/><Relationship Id="rId1" Type="http://schemas.openxmlformats.org/officeDocument/2006/relationships/notesMaster" Target="../notesMasters/notesMaster1.xml"/></Relationships>
</file>

<file path=ppt/notesSlides/_rels/notesSlide4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3.xml"/><Relationship Id="rId1" Type="http://schemas.openxmlformats.org/officeDocument/2006/relationships/notesMaster" Target="../notesMasters/notesMaster1.xml"/></Relationships>
</file>

<file path=ppt/notesSlides/_rels/notesSlide4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4.xml"/><Relationship Id="rId1" Type="http://schemas.openxmlformats.org/officeDocument/2006/relationships/notesMaster" Target="../notesMasters/notesMaster1.xml"/></Relationships>
</file>

<file path=ppt/notesSlides/_rels/notesSlide4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_rels/notesSlide4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_rels/notesSlide4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7.xml"/><Relationship Id="rId1" Type="http://schemas.openxmlformats.org/officeDocument/2006/relationships/notesMaster" Target="../notesMasters/notesMaster1.xml"/></Relationships>
</file>

<file path=ppt/notesSlides/_rels/notesSlide4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8.xml"/><Relationship Id="rId1" Type="http://schemas.openxmlformats.org/officeDocument/2006/relationships/notesMaster" Target="../notesMasters/notesMaster1.xml"/></Relationships>
</file>

<file path=ppt/notesSlides/_rels/notesSlide4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9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0.xml"/><Relationship Id="rId1" Type="http://schemas.openxmlformats.org/officeDocument/2006/relationships/notesMaster" Target="../notesMasters/notesMaster1.xml"/></Relationships>
</file>

<file path=ppt/notesSlides/_rels/notesSlide5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1.xml"/><Relationship Id="rId1" Type="http://schemas.openxmlformats.org/officeDocument/2006/relationships/notesMaster" Target="../notesMasters/notesMaster1.xml"/></Relationships>
</file>

<file path=ppt/notesSlides/_rels/notesSlide5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2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8480132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A234150-DB70-8B69-9B26-FDAA738C8FF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49B786F-432D-460A-D7B0-97A566155A2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DFD8FD7-FB79-C97D-BA8C-C6083E2D299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DFB5632-7EB8-AEAC-5F9B-291ADEFFC7C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07607C8-9840-4EE5-2877-773BF7E2274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91521634-3E94-EDB4-E12A-3E5304B5148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6F80657-7F32-4D0D-3282-F0793327E68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49997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567A7D-3632-FD7C-12F7-B559B6CA20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313868E-34A4-543C-623E-EB417DB6A3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0CA673-ACD7-64B3-43CC-FEBFAD9CB94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7FB29B7-1FD5-FE11-9A5A-D069528C1E0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FE9DFD4-F491-F559-A902-BA5DA06BB8C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AFD58E6-F73B-CEC9-741F-1DE744433316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9E68F6F-5F80-7C88-444F-60E143E5BF2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1403652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AB6DBB6-1699-FC8F-05A3-C9C11CBB0CB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9EAE4E4-4E78-1D5D-795A-4BA9E4D864D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4997081-D3AB-FAB3-50CD-E13215A13FE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0A50E9-DCF2-27EE-2C0B-7C5523BAF63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09851BD-CA64-03E3-5851-D1AF50C679D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EC15B358-DE76-A4E8-49E8-A1230F8ADCC6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9EAF8DD-4070-ECC1-E87A-75FEB109117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51114707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9E95E2-9C49-788D-51F2-70054DA91A6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D5DD803-9F3A-5DC0-ECD2-FC2BC70E93E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7A6386-1AB2-1B4E-1FDF-6B06A685F40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ADC89FB-73A0-C481-7E25-C62D289225C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88083CF-D579-A777-291A-83E7DFAB035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34F01FA0-3AC8-7FC2-C15E-FC71696DBD1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F8D478C-EBB7-03D1-39A7-110F093D3420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861397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438BBB1-6FCC-56E2-3994-94E3217C1D4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D99BCC1-FB68-3EFB-D901-033F57B1AD3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E373D0B-9180-67C2-99EC-A71B5B63B65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E8F10F-FEF4-31BA-D2DA-66960860520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3DFC89C-875C-8A52-DE36-B1297F233EF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4983343E-F3A8-FA95-DA65-01B9B76D5E8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4ACBD90-142E-2575-520E-4360063400F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89275219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7002C9-865E-EE44-CF19-7679AA6DD8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6862F53-A3D9-14A8-BAB1-602F0CCF3EA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C77778-B332-F67C-D818-A406327351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C17FD1-F272-2AAC-4877-4707CAEC14A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84144D9-796C-2446-4B1A-38388599CAD6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334FA3D3-3E78-0E83-6E98-FC695C615B6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9EA8974-EC6A-392E-F687-7786130095A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45170512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541601-AAED-DBE0-AEAC-FA5FAB69466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8942B33-7799-5FDA-D049-2269BD817E2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8874452-6193-F96D-27AC-FBA30BED947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F5DADB-8FE9-6E1D-6861-6CA260E8D52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74FCAB5-1ABA-3957-7317-1D48BB24B78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E486CD0-AD5C-B303-C0C3-793C7DA1C3B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0D8679A-F6F5-2CF8-2C3A-A558D887C9E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331639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E4B96D-626F-BBAE-B4BC-7B16805C393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E74A72F-D1A8-B8D1-9812-6B4B59E45B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7974336-F0C4-731F-9FD4-6B97D13EEB7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B3127C-3B92-ADD4-5831-30DBD54309E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A6FC66F-F3C0-3AD7-563A-164D1266D55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55370751-3552-58E3-E65A-1A5400ED88D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50324CA-5B06-C7CA-8B13-5D4667EA38F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887462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23EDD5-A295-57A9-9654-F7ADD508AFD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FCCCA86-56DE-87B7-4BC6-40F8D07094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596F684-9DDF-F81C-695F-01194580130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B9858-073B-65E8-06F3-CF930B74C81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CAD733E-5694-372C-065A-650A122DDBDD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5094A9A8-358D-88A8-E7BF-25A29DF61FD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3120C3A-CD18-2453-A173-DAE8D58E990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8044274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5631F31-7425-400A-E599-5E26EA8507A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C1C746A-C099-F701-538E-350032926EC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D80BEE-B4D5-0EE6-F66C-11025EE0ECD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13201AF-1B00-00BD-EB76-1F6F2E3EAB1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C93EC4-E27B-667A-FEA1-33056E1C1D6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E4273FE-E0AB-A305-9E32-37B36AE13E1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485C0C7-6D58-B731-AC70-3040D5E9A766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943668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1383826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5E282DD-83B9-9F88-7CC7-D145949806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CC4FF13-4575-68E6-69EA-50957E1A680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00BBC15-2A35-CC6D-EDA0-99DAB416076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GSON doesn't respect encapsulation, and tries to replicate your </a:t>
            </a:r>
            <a:r>
              <a:rPr lang="en-US" b="0" i="1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fields</a:t>
            </a:r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 instead of your </a:t>
            </a:r>
            <a:r>
              <a:rPr lang="en-US" b="0" i="1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properties</a:t>
            </a:r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 (and it appears there's no equivalent to JPA's "field access" versus "property access" functionality, nor any desire to provide it). </a:t>
            </a:r>
          </a:p>
          <a:p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Using Jackson the serialized version is generated via </a:t>
            </a:r>
            <a:r>
              <a:rPr lang="en-US" b="0" i="1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properties</a:t>
            </a:r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, and would look the way you want it directly out of the box: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77CD75-1BEA-6535-3FB7-229461FC77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79321F-06C5-AC43-D6BA-DE96F79C578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2044DD82-D82C-E840-1E45-36C86488FD0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DFAA164-80F7-72F9-244F-DBFCF2DE0A5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27296847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0874A3B-C525-C721-1BBF-B6FE272771F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81A5DE9-1A36-ABB0-F86D-EEC16894ABE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1BECFCB-D46F-B9DA-4150-22C9C08629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73986C-E226-8D55-D7C6-7F6D3190572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5245748-0240-551E-750D-348554580501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9037F09-C70F-8B53-854C-263492D8C18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AE0613B-7F55-2F6D-3284-B184F3A7945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8524696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D0147FB-87A6-69D2-46C9-E37B2E65D22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CE8A80A-FEB0-DBC1-D11A-C0CCC0690AC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B27CF55-5589-A38C-B271-53F8A494FF5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305826-247E-B150-C2EE-61AE625A0F3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CFE8912-5105-7B76-4539-855FF0F3D8A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63A53952-A2BA-0300-B96C-AED010CFE65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626DCF6-0B8C-2563-BBBD-98CBEFFDD0F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4681306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959BBBE-D32F-3FC3-F2A6-651A4DD276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E6DC558-4B20-059F-7593-5791405AE87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94F6B8B-E8AC-A7FE-B13B-346F5C81F8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C9296C-5FC7-679E-6313-748BAB95FD5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772ADE8-313E-21CF-DD11-AC3EA4DB2026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3A6DBBD-3101-34AE-A577-8EBEF2F9B75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444B778-57C9-203C-A30C-AFACC07FC2E9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5706121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63F62E-5D0A-3A85-2672-6F33E88AF4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1917A78-D18E-B4A6-5277-7025466C8D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5CCC387-BA8C-E9BC-8F4E-A39A0AABAAB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9A24268-08F6-CE00-8922-D4FC251BC7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3D633E6-59FC-04F7-1E0D-F3A39C937DF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1B2C69C3-BA25-D751-AE8C-1FD005BC28D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0491180-9EB4-DC88-3BFB-847C208ED3C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759245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EBF243E-43E7-BB45-CB94-A8946C08CCA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0ECE985-0A02-AAE1-29D5-0A364EE91A6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2C38CAA-246A-6984-C010-9D14F3CC721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92C7BDB-3C1C-343D-D9C3-AF14FE28503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D445C1B-3DD1-AB46-9DDC-F69B932ABB4B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233AD12D-9DCF-1439-2B69-F8F1581CC9F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253BAFA-81A6-44F2-01BA-086ECD6F772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2777510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036675-3EB8-2760-8898-533614342D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7F57557-FCC4-337A-4DC0-2D2F020BA17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01D9B35-C414-8732-8C1D-2FA4D7B2381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A540F4-63AD-0374-9730-E9838F21D22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5F333E1-7283-3FDA-7F3B-970E27FD388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3DF81AAA-3BA3-E7BA-D66C-AFC2D539FB59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237AC24-28CF-26F7-E1B4-B59FBDFC3E75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87794000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A1D5727-14B9-7AA6-D038-99AE2144F4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8F7B2CB-C173-86DF-3BB2-F88683C4EEC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14FF85B-0FE0-C889-D7D4-1BD94FC4669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60E663-05E3-D4DA-C709-95EA59AB267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07FA71-CC61-E0A7-DB38-4AC245B33D1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BEF71B90-BC40-CA1A-6468-63475766124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73A79C9-09A2-9C24-175A-144AA73A1F1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6420787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495E4C-0537-314B-EC95-A92D75C7A5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14474BA-CFCE-00B1-7F03-D5CDA242F45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076015C-0D6B-2FC5-3232-BE8ACD9EF1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26EC9E6-F240-1049-7D5E-0ACF17C39EE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10E1363-B62D-B953-A9DE-4D12986032B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14FA504-F356-970C-4D49-8B7C76ACF22F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E59587E-5D02-DB4E-208C-59912FBF978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9972629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F4C052-BB2A-7193-7AB3-63AC9D249E0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ED0058B-523A-CBB4-B23A-A076B8FB903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6A561A-5C3D-1AE6-DD55-E7DB9FA81C6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F40A82-50ED-20C5-C634-F5BDAF6115E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9F5F3EC-5CC0-B788-7DEE-6D8B13E3D9C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7C1870C4-A6EC-A0E1-3A34-AA4DED778BD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67F3C4F-90B8-760E-938A-660C416DA12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14099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92474499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9ACD1FC-CC71-0B39-8885-020BB9D5759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4ED2764-FBEE-7A77-50BE-B337C071B32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F46FFDF-4EC2-D7DB-2D61-D82151E039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A78F10C-2F41-A31C-C50B-8318C1D928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A16C9B-9C81-AD41-A461-1EA9D9D039B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C858109E-02E2-C852-E41F-B09C54FC45F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460E8C48-A23A-D9D2-8840-D58724FA28F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70555871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E8F4F2-11ED-3322-816C-672337E080C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B44BE2D-5CEC-916A-48FD-D5B28A9122F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DD3DE6E-B157-832B-23E8-B9B40E606CD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F4519E-23E8-33CF-BE90-83C3CA4D134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ACD4666-6779-340B-1434-3357ACFB553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DB832E4-87F3-2695-6986-2E29BB162BB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4464FFA8-C6EC-2F24-8463-4D619878186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067482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1255A4B-EB76-B213-D12E-849382056F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9DBA4E9-888F-DCD5-FF61-B1CCB6B1B01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F2FB9C7-A457-48B0-0EAE-143989528B5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DDE79F4-99B7-F3E1-C973-E33208B3745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2E1F608-E75A-4184-C075-B73B21B7A05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8A226109-D71A-24B3-46C6-DFBA46A616C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05703CE-B3CA-08C2-39FA-ACE7AD6EC5E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1337670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C795385-FDD7-19D8-2364-C713A80E710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7E57E41-1A48-8D13-7596-6A457CA114C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924A60-A4F7-5C4D-D264-168A09FA2BE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9C525B-2601-6500-0D9A-8600023DAD9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87580AF-665D-9AC2-53E9-CB5E5E2D94E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48498DD-F3F0-ED6B-FF02-1A012B07386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8111364-D23B-57E5-34E0-168B66BB562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36802072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F572E0-4617-D13F-B4E8-D64F73CD89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9B5547F-3661-72BC-9BB2-0A8760C739B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D1D0B63-2C7C-4F5A-D11A-B57E1AC60F0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976F5D-8D38-6889-5184-46D6B772FC5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1BC7CD6-689B-25AA-1484-0A2AD349A8E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A6377924-6C02-2BD6-D280-B6515A25400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552382B-116D-2C27-C0EF-60F9ED4D518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8792076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D5F3E4-9C70-88D6-810F-C5B9DA5F69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C4F2B29-D947-DA2B-9A67-4FDE2E871CD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625213E-3B0E-988A-C2A3-1257013A67B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64F9F7-BCAF-CCC4-183F-E395536103B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88DCA6-ED35-DA7D-8FE7-AE0D3157B7B3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999778C1-4F3E-3F65-CB4B-AAD22275CA93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D8EF636-6F6C-5807-6EA4-0E755B278D6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01884164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1026F5D-78AE-F2D6-0F09-B10E1C3710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5BB442B-B117-3686-2F5B-FB34F574198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F0C1703-359B-AE85-1CFA-203A793706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2736862-F6C0-6D31-58E0-D262DEDC2F6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BFDFB7C-1101-ADBE-2D0A-4EF36CFBF02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5FF58BA-35BA-CB39-8185-76579DF4578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D03C5-5D55-7133-0D08-6975D3D44A5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0780614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F8C66B-A4A2-AFF0-8EB5-2FCE3A7E3D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CB98FDA-9539-2E56-E562-0E6FFBCF42A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8173650-E3E5-049C-E8E6-2821CD925BC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A1345A7-3F9D-1552-E5A2-E26386B9B8E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287A4D3-F2DB-B00C-75B4-A302C67B360D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1FCA7331-EB7D-3AE8-1E43-ECB9487D37F9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708EEB5-4700-D154-B5A9-488A71FC13D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57454688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671333-FE09-5BF1-15E1-69AAA832614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07FD023-A671-BFE7-9428-272C9865623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C29EBF5-047B-3AB6-F440-8B2D2B75DD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0ECC70-D3A3-A90D-5AE0-D8FD3F6BC22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9032A5B-F317-BCB4-6AED-F236F8C132B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65614039-075C-81D6-58A3-FE9D71F1C2E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750DBFE-E3C8-55B2-9A34-88535911F25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33767487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B012600-5BBF-931A-36C6-2C9F691DA4D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741724A-4462-4900-6958-6131BEFD3AF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063056-C50E-4D2B-DE62-CECDAC844C7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38C7AA6-F1A9-12D6-BE7E-E341308A3F5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5BC045A-FF91-38F9-23E1-27F5DE905296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F923092A-643E-03CC-4515-0926171EED4F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3626A58-AE47-DDB8-20AC-AB27ADC45CE0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1168860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890CCBE-538F-2DE3-E7CD-FC47350BF4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3BCAF06-A64C-5D2F-A80F-C37ABB55E44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6A1EE7E-2B02-3F0D-E580-5BA06646F9C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947824-8BFF-245C-808D-DCC6A84E409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18BEB71-59D4-FD51-5D92-7AE37D5F228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9864A6C6-542E-D48B-3A2D-E43312CB7FC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6389486-D99C-FB70-54C7-5951B265C79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32415335"/>
      </p:ext>
    </p:extLst>
  </p:cSld>
  <p:clrMapOvr>
    <a:masterClrMapping/>
  </p:clrMapOvr>
</p:notes>
</file>

<file path=ppt/notesSlides/notesSlide4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C64526F-5A30-C945-2D71-BDABE48C3F5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A7D6795-E941-C910-5E7A-A52D5688194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B4C70F0-BCB3-EA31-E333-FADBA99DF9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BBC6D1-7844-4432-1E0B-E49AD5D196F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633DC8E-7C5D-2236-BEF0-1F970712F49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71D9823F-05A2-6CA4-F3AA-56A6A621B18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64D734D-9477-5A12-92E0-02DE43D84B0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017945"/>
      </p:ext>
    </p:extLst>
  </p:cSld>
  <p:clrMapOvr>
    <a:masterClrMapping/>
  </p:clrMapOvr>
</p:notes>
</file>

<file path=ppt/notesSlides/notesSlide4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2FD8F1F-AEB7-1A43-BF41-566EF16BD57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AE69D0A-2B98-62AE-90EB-0F07F0993D7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BC77937-C8DE-7D54-0465-BDB6275C2E8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6F787D9-323D-3A30-C286-5385EC42F28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14E9326-29F6-D6DF-B6D5-390C892162B1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18844581-C731-0DB0-455B-C05E255C275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7DB3391-67B4-17AC-67D6-E54F4066CF3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98811340"/>
      </p:ext>
    </p:extLst>
  </p:cSld>
  <p:clrMapOvr>
    <a:masterClrMapping/>
  </p:clrMapOvr>
</p:notes>
</file>

<file path=ppt/notesSlides/notesSlide4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5083A7-0AAE-6996-D819-9678EFBBFD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8E22CA0-14F0-1480-E4F8-00BB74F7599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A2246C1-8723-73BC-3E17-2AE00AFF3F9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C2CF9E7-5C50-128A-10F2-F84176B0ABA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D25784B-5B28-4189-870B-994EBF6533C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17AA5D84-DF5A-A4F1-815E-61E29AFAEDC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10E91D1-B29B-80F8-FB8E-3E80A15D0E9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26803122"/>
      </p:ext>
    </p:extLst>
  </p:cSld>
  <p:clrMapOvr>
    <a:masterClrMapping/>
  </p:clrMapOvr>
</p:notes>
</file>

<file path=ppt/notesSlides/notesSlide4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0AD8445-4247-D201-09F7-AEA5FBD7028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68ADDCE-46BC-82DC-7404-D459FC64CFB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B6D3492-D409-8719-E520-3E410B27E22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C19B40F-F298-A0B5-4569-6327177EE1C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1BE0E55-C7CB-7BB3-16AE-091F0FA6468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46BBD8FA-EE26-D21B-7CD1-67EFF2F63911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5462E8D-18FC-D35A-F412-A17EC0FB80E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76081375"/>
      </p:ext>
    </p:extLst>
  </p:cSld>
  <p:clrMapOvr>
    <a:masterClrMapping/>
  </p:clrMapOvr>
</p:notes>
</file>

<file path=ppt/notesSlides/notesSlide4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692144-FBE4-6C31-A456-9F534FBB72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884D5FE-1FC0-51D8-B7BE-42FA7232A60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8307B73-B1BA-AFC2-8A6F-139293B6B5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010CD4-8C8D-35F1-948F-B66D92F44DC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76B8FEB-8D20-69B6-294C-0DE26B00BEF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C29ECCFA-A2FF-E56C-67F8-26607A04247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8D3BAC2-8C94-E92D-6BB4-43DCE877036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7571069"/>
      </p:ext>
    </p:extLst>
  </p:cSld>
  <p:clrMapOvr>
    <a:masterClrMapping/>
  </p:clrMapOvr>
</p:notes>
</file>

<file path=ppt/notesSlides/notesSlide4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022487-470B-0291-F90F-C57671D6B67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0EFAFF2-1F15-51DE-9C81-4FC4D9B4E18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466B863-DCE7-5044-D056-6FFCFF7EC9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933CE23-20F2-E276-510A-36F6C27A15A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18ED572-798D-9705-4E1E-89A6129AAC03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3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FBE81E86-7BEC-7BDB-9AD9-7F7802A7B8C1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C414CA-DE36-8AAB-5931-1BC0AF981BD0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3171847"/>
      </p:ext>
    </p:extLst>
  </p:cSld>
  <p:clrMapOvr>
    <a:masterClrMapping/>
  </p:clrMapOvr>
</p:notes>
</file>

<file path=ppt/notesSlides/notesSlide4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24DA2DC-5CF4-A644-F7D7-2F4A1E62D24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8F9CA80-AED0-9130-95E6-8085EB2C376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2FC5903-37D9-2706-B11B-65D295AB691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819211C-EE1F-284D-0632-E81CCD73B4A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71868D4-B0AC-673B-9472-EC81D5908FF0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4F638458-5C17-12FE-2DFA-9CA92D5D34E7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B6DF18B-8F0D-C8A5-33D5-AD3E83A68E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6236581"/>
      </p:ext>
    </p:extLst>
  </p:cSld>
  <p:clrMapOvr>
    <a:masterClrMapping/>
  </p:clrMapOvr>
</p:notes>
</file>

<file path=ppt/notesSlides/notesSlide4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E49034-A965-81AA-5ABA-438F765F5D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5C6A797-9319-535B-67EE-367E0B5EED2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E74AAFD-A453-5025-3CE0-40E5548BC02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8A6E4C-9AB1-27FF-BD02-FA9A60434CE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0831667-4DAA-1405-DD28-8B7567FE9906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3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0B2E7A9-51E9-45AC-4522-B6D80486E38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D4225B6-3484-2BFB-C6CD-8C2FDA604F5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35670590"/>
      </p:ext>
    </p:extLst>
  </p:cSld>
  <p:clrMapOvr>
    <a:masterClrMapping/>
  </p:clrMapOvr>
</p:notes>
</file>

<file path=ppt/notesSlides/notesSlide4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8923A47-9B55-3373-286C-F82471F537C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34CE787-ED09-95AF-EF1D-43A203AAAC9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7C3A90F-C4D9-F6D2-C2AF-8F75867A325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83DBCC7-2715-47E9-6E97-102A44CCA53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B196735-FB58-2066-388B-F4AAD62CBF83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E6742F1D-B6B1-438A-5767-D5EE002431B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081A898-F124-8B0B-57A9-F0B985FF24F5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4995990"/>
      </p:ext>
    </p:extLst>
  </p:cSld>
  <p:clrMapOvr>
    <a:masterClrMapping/>
  </p:clrMapOvr>
</p:notes>
</file>

<file path=ppt/notesSlides/notesSlide4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3E77B0-CFDB-B840-C413-D8A9B66183F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6BED59B-79FB-F243-047F-D00CE4C8221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58A36ED-26CB-C71E-394E-6080E361E27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69B7D5-0D23-1315-2FC7-C1832681D5F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20BD109-E2A7-365F-26CE-694A95B81EE0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3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8E65FA24-1BCB-0A53-7824-A5C2BE1E48C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0972914-C07D-1B16-7EA4-1E04F258AEA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1746461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E9BF0AA-B290-FE7E-4C8A-780678D243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5DA2849-C333-BA90-7646-58769EC0946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C3CEF44-835F-9878-555A-70D8C83C04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WT Standard Widget Toolki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29BBF87-C9A1-E9F7-2991-8DF544F616E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852617F-BECA-F597-2075-91F2039561F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F59028BD-7914-03C8-AACF-5729CA49C84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2F03960-A5F1-45CF-BE1D-7A79BD04610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92964330"/>
      </p:ext>
    </p:extLst>
  </p:cSld>
  <p:clrMapOvr>
    <a:masterClrMapping/>
  </p:clrMapOvr>
</p:notes>
</file>

<file path=ppt/notesSlides/notesSlide5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EF173B-781F-904B-3DB5-0815D5F2F6D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2DBD4D5-68FC-6C2B-60D1-F0E62BC3277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1785F73-AAB7-4048-FF65-3CBE1727C8A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0DC176-6830-2F5B-539F-C5B796095FB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5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9BA8B28-B812-EFBC-D396-93AE17E039A0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527B1FA9-DC73-A0DE-B9EE-24B2F72AA857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6F90BF3-D8D2-2298-CFEA-49B4F8D1736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5767201"/>
      </p:ext>
    </p:extLst>
  </p:cSld>
  <p:clrMapOvr>
    <a:masterClrMapping/>
  </p:clrMapOvr>
</p:notes>
</file>

<file path=ppt/notesSlides/notesSlide5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54AED1D-0E9C-D412-415C-CA1A5ACA8FB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2206177-20BB-5D13-A64D-82AB764227D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8A443FF-D3FA-3500-1AA9-3D118669770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7D183C-6F22-A59F-BC5B-7EC6916FF41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5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8071B57-C4F5-85EA-304D-6DDC34031E8D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3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74654300-101E-2770-F408-45CA45061A6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1AFCAF5-AE11-65D7-BCFC-5A0EDC2E806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43776521"/>
      </p:ext>
    </p:extLst>
  </p:cSld>
  <p:clrMapOvr>
    <a:masterClrMapping/>
  </p:clrMapOvr>
</p:notes>
</file>

<file path=ppt/notesSlides/notesSlide5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52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2583803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285F46-FCF4-A68E-6167-A39A01B149C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C9BDC68-A323-24BE-18A0-05168954FFF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64E5C91-531B-909D-4D28-50514F35F1D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BF3F2-C458-BA79-F75A-789F8876FEB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66D9777-E194-3E44-333F-10DF2D82713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6B9BFBB7-A648-085E-8A07-C2E8451838A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953E6C0-C676-D00A-7D21-5351D9594B1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3544680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F1BEB8-C822-A993-B220-ACA974AF360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9B54641-40AC-A42A-5729-15F029E140A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76E0BAA-70CB-DF1F-4018-F288251D198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2853EE4-620F-8860-D1CC-000922105B1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723D505-6BFB-9654-E1F7-43A6A47BBFC3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87ED6F37-331B-AD1F-8D74-D5A4EFA34EE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746F213-F22D-DDCC-6054-D14A6CBDDBB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6819400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10C0F85-3AFC-9F04-6FFC-474E4CA016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3A2BD03-5460-FCF1-1CB6-AE5841E9B76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01721AB-47B1-372A-70B7-487DAB15605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9CAF1C-AAF5-B6C1-33DD-34B039D3CA8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105F4E8-2F1B-3982-5D00-4CB808906E6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2B278622-7942-0F6A-E687-70CE5D234DF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0D26CBC-8610-D87C-A3B8-41C3D81908C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535960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E70183B-52E0-BCF0-5260-D51536F0AD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20814A3-B14F-1E98-06ED-58A2526E62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52ADDDB-EBAC-CBF6-B8D4-CE1EC7AFA2F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80F74F1-3AF0-7565-8BC1-1AF1CFFAA00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1F74DA3-C919-FC54-E5BF-D444B100300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2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ACEFE146-822F-61AB-45E6-C37E4D51984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AEDBA22-5ED5-D706-F88A-9C0E86444B4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044045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with head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BBA9F3-D196-BBA8-2903-EE828E53E4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30E4CA3E-5B1B-D3EC-3F73-1737AC332D3A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185738" y="1438274"/>
            <a:ext cx="11818937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019847-20E5-4B7E-B872-4144EE846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ysClr val="windowText" lastClr="000000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57362443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right green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A01F3901-6933-C0F9-F1F1-575DDBA43E35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D270BB3A-060E-6D64-70AE-DFF0DDA9AE97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4515C3E2-14B9-6BA4-E0B7-7FE0A5F9AC35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insert picture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226E8E85-6706-9DC3-B64D-DDB64F23EE9A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icon and select image </a:t>
              </a:r>
            </a:p>
          </p:txBody>
        </p: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FAC13CC2-230E-E906-D4B3-9B84DDBF8A3A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798F982B-5380-83E6-09AE-D22727B788F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Send to Back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F925710A-9CAE-302F-1DFC-469C5C6B2A8B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change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0AA1EF90-A95A-2228-A38A-A8B1C841B45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0" dirty="0">
                  <a:solidFill>
                    <a:sysClr val="windowText" lastClr="000000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Change picture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03C0D355-2F8D-7ED2-7CA0-AFBDDA87C926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4" name="Backgrounds">
            <a:extLst>
              <a:ext uri="{FF2B5EF4-FFF2-40B4-BE49-F238E27FC236}">
                <a16:creationId xmlns:a16="http://schemas.microsoft.com/office/drawing/2014/main" id="{91A2E7E4-6725-67D6-6B23-417C972DA2FA}"/>
              </a:ext>
            </a:extLst>
          </p:cNvPr>
          <p:cNvSpPr/>
          <p:nvPr userDrawn="1"/>
        </p:nvSpPr>
        <p:spPr>
          <a:xfrm>
            <a:off x="-1" y="0"/>
            <a:ext cx="6188076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Grid - green">
            <a:extLst>
              <a:ext uri="{FF2B5EF4-FFF2-40B4-BE49-F238E27FC236}">
                <a16:creationId xmlns:a16="http://schemas.microsoft.com/office/drawing/2014/main" id="{CF407EA9-CB88-C7C6-A244-A84C089EBCDD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7" name="Grid - freeform">
            <a:extLst>
              <a:ext uri="{FF2B5EF4-FFF2-40B4-BE49-F238E27FC236}">
                <a16:creationId xmlns:a16="http://schemas.microsoft.com/office/drawing/2014/main" id="{37130A60-DB98-97A9-DAD5-9A5734FBD75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 flipH="1">
            <a:off x="6189662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5F37B766-92F3-3EFE-31BF-5F12C286ADA6}"/>
              </a:ext>
            </a:extLst>
          </p:cNvPr>
          <p:cNvSpPr/>
          <p:nvPr userDrawn="1"/>
        </p:nvSpPr>
        <p:spPr bwMode="white">
          <a:xfrm>
            <a:off x="190800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accent1"/>
              </a:solidFill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5D0E069-EED7-E693-F207-863701AACE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185738" y="185737"/>
            <a:ext cx="5816600" cy="947737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85739" y="1368000"/>
            <a:ext cx="5818470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>
          <a:xfrm>
            <a:off x="5643563" y="6474619"/>
            <a:ext cx="358775" cy="196056"/>
          </a:xfrm>
          <a:noFill/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icture Placeholder 7">
            <a:extLst>
              <a:ext uri="{FF2B5EF4-FFF2-40B4-BE49-F238E27FC236}">
                <a16:creationId xmlns:a16="http://schemas.microsoft.com/office/drawing/2014/main" id="{A7EE698A-8A94-9F7E-F96D-82FCA1FD4D3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88075" y="0"/>
            <a:ext cx="6003925" cy="6858000"/>
          </a:xfrm>
          <a:solidFill>
            <a:schemeClr val="accent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ysClr val="windowText" lastClr="000000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1366766121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left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4FEED968-A754-189A-8AE5-FC39FF6D8F7E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C3CBB990-C009-1F5A-28E2-D34B2F56AE95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043A82F0-429A-9615-8C49-6C6036F26282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insert picture</a:t>
              </a: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E84F163D-69E3-DAD6-2131-396C310A4A33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icon and select image </a:t>
              </a:r>
            </a:p>
          </p:txBody>
        </p:sp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C0F8A488-7D56-7A7B-5AE6-6815B96D8478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3CFC36EB-6487-3E9E-031A-DD85AD53A0BB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Send to Back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8615FEC9-36FD-73E4-991C-5AE50AE95EB2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change picture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A4AE6CCE-0CCD-AC0C-A48A-2A280345FE5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0" dirty="0">
                  <a:solidFill>
                    <a:sysClr val="windowText" lastClr="000000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Change picture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10A97689-4FA2-8763-FE1D-55BE6E07B66E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4" name="Backgrounds">
            <a:extLst>
              <a:ext uri="{FF2B5EF4-FFF2-40B4-BE49-F238E27FC236}">
                <a16:creationId xmlns:a16="http://schemas.microsoft.com/office/drawing/2014/main" id="{D86BC030-9960-8396-396A-19B6A5AF7B3F}"/>
              </a:ext>
            </a:extLst>
          </p:cNvPr>
          <p:cNvSpPr/>
          <p:nvPr userDrawn="1"/>
        </p:nvSpPr>
        <p:spPr>
          <a:xfrm>
            <a:off x="6002338" y="0"/>
            <a:ext cx="6190862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Grid - green">
            <a:extLst>
              <a:ext uri="{FF2B5EF4-FFF2-40B4-BE49-F238E27FC236}">
                <a16:creationId xmlns:a16="http://schemas.microsoft.com/office/drawing/2014/main" id="{BD3F9CF4-7EBF-26DA-F12D-4E39EAED76E6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25" name="Grid - freeform">
            <a:extLst>
              <a:ext uri="{FF2B5EF4-FFF2-40B4-BE49-F238E27FC236}">
                <a16:creationId xmlns:a16="http://schemas.microsoft.com/office/drawing/2014/main" id="{1AFD01C1-5A19-E8BB-3DCC-D61E7F7125B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0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Logo">
            <a:extLst>
              <a:ext uri="{FF2B5EF4-FFF2-40B4-BE49-F238E27FC236}">
                <a16:creationId xmlns:a16="http://schemas.microsoft.com/office/drawing/2014/main" id="{72FF8C4E-1A61-40B5-B63E-B994E0B8491A}"/>
              </a:ext>
            </a:extLst>
          </p:cNvPr>
          <p:cNvSpPr/>
          <p:nvPr userDrawn="1"/>
        </p:nvSpPr>
        <p:spPr bwMode="white">
          <a:xfrm>
            <a:off x="6190695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6189665" y="1368000"/>
            <a:ext cx="5806838" cy="4568400"/>
          </a:xfrm>
          <a:noFill/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altLang="zh-HK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>
          <a:xfrm>
            <a:off x="11637168" y="6474619"/>
            <a:ext cx="359333" cy="196056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31A66082-E3B9-D074-20E4-E15681F3CD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6188075" y="185737"/>
            <a:ext cx="5816601" cy="947737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21" name="Picture Placeholder 7">
            <a:extLst>
              <a:ext uri="{FF2B5EF4-FFF2-40B4-BE49-F238E27FC236}">
                <a16:creationId xmlns:a16="http://schemas.microsoft.com/office/drawing/2014/main" id="{61A4D560-E51A-F971-14BA-98A5E2748F7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3600"/>
            <a:ext cx="6002338" cy="6858000"/>
          </a:xfrm>
          <a:solidFill>
            <a:schemeClr val="accent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ysClr val="windowText" lastClr="000000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1231330115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s">
            <a:extLst>
              <a:ext uri="{FF2B5EF4-FFF2-40B4-BE49-F238E27FC236}">
                <a16:creationId xmlns:a16="http://schemas.microsoft.com/office/drawing/2014/main" id="{0CA24D45-44EC-7074-5CDD-2AF3181146C9}"/>
              </a:ext>
            </a:extLst>
          </p:cNvPr>
          <p:cNvSpPr/>
          <p:nvPr userDrawn="1"/>
        </p:nvSpPr>
        <p:spPr bwMode="ltGray">
          <a:xfrm>
            <a:off x="0" y="-8312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 bwMode="white"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F065CCFB-AEB8-FC9C-7290-5BFE3F24F2EE}"/>
              </a:ext>
            </a:extLst>
          </p:cNvPr>
          <p:cNvSpPr/>
          <p:nvPr userDrawn="1"/>
        </p:nvSpPr>
        <p:spPr bwMode="white">
          <a:xfrm>
            <a:off x="187325" y="1864444"/>
            <a:ext cx="1679576" cy="255624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998615" y="1666875"/>
            <a:ext cx="9191625" cy="3522662"/>
          </a:xfrm>
        </p:spPr>
        <p:txBody>
          <a:bodyPr lIns="198000" tIns="144000" rIns="180000" bIns="14400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6" name="Text Placeholder 16">
            <a:extLst>
              <a:ext uri="{FF2B5EF4-FFF2-40B4-BE49-F238E27FC236}">
                <a16:creationId xmlns:a16="http://schemas.microsoft.com/office/drawing/2014/main" id="{C2954703-2753-4E2F-FCA3-D6D9F68EB77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206180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date / version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FAED2660-8C3E-1565-6D1F-B6BB26B0029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203302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lient name</a:t>
            </a:r>
          </a:p>
        </p:txBody>
      </p:sp>
      <p:sp>
        <p:nvSpPr>
          <p:cNvPr id="13" name="Text Placeholder 16">
            <a:extLst>
              <a:ext uri="{FF2B5EF4-FFF2-40B4-BE49-F238E27FC236}">
                <a16:creationId xmlns:a16="http://schemas.microsoft.com/office/drawing/2014/main" id="{CEED010C-A0AB-29BD-DDE2-C564BD98097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203302" y="5392584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project nam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 bwMode="white">
          <a:xfrm>
            <a:off x="3000375" y="1666874"/>
            <a:ext cx="187501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 bwMode="white">
          <a:xfrm>
            <a:off x="3000375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 bwMode="white">
          <a:xfrm>
            <a:off x="12004675" y="1666875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 bwMode="white"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8201F121-2588-6C55-1976-5CD7EC4260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00977" y="6556496"/>
            <a:ext cx="1413818" cy="1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99409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 userDrawn="1">
          <p15:clr>
            <a:srgbClr val="A4A3A4"/>
          </p15:clr>
        </p15:guide>
        <p15:guide id="2" orient="horz" pos="1168" userDrawn="1">
          <p15:clr>
            <a:srgbClr val="A4A3A4"/>
          </p15:clr>
        </p15:guide>
        <p15:guide id="3" orient="horz" pos="2101" userDrawn="1">
          <p15:clr>
            <a:srgbClr val="A4A3A4"/>
          </p15:clr>
        </p15:guide>
        <p15:guide id="4" orient="horz" pos="2218" userDrawn="1">
          <p15:clr>
            <a:srgbClr val="A4A3A4"/>
          </p15:clr>
        </p15:guide>
        <p15:guide id="5" orient="horz" pos="3151" userDrawn="1">
          <p15:clr>
            <a:srgbClr val="A4A3A4"/>
          </p15:clr>
        </p15:guide>
        <p15:guide id="6" orient="horz" pos="3269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F065CCFB-AEB8-FC9C-7290-5BFE3F24F2EE}"/>
              </a:ext>
            </a:extLst>
          </p:cNvPr>
          <p:cNvSpPr/>
          <p:nvPr userDrawn="1"/>
        </p:nvSpPr>
        <p:spPr>
          <a:xfrm>
            <a:off x="187325" y="1864444"/>
            <a:ext cx="1679576" cy="255624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00374" y="1666875"/>
            <a:ext cx="9191625" cy="3522662"/>
          </a:xfrm>
        </p:spPr>
        <p:txBody>
          <a:bodyPr lIns="198000" tIns="144000" rIns="180000" bIns="144000" anchor="t"/>
          <a:lstStyle>
            <a:lvl1pPr algn="l">
              <a:lnSpc>
                <a:spcPct val="86000"/>
              </a:lnSpc>
              <a:defRPr sz="6300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>
          <a:xfrm>
            <a:off x="3000375" y="1666874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>
          <a:xfrm>
            <a:off x="3000375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>
          <a:xfrm>
            <a:off x="12004675" y="1666875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Text Placeholder 16">
            <a:extLst>
              <a:ext uri="{FF2B5EF4-FFF2-40B4-BE49-F238E27FC236}">
                <a16:creationId xmlns:a16="http://schemas.microsoft.com/office/drawing/2014/main" id="{8ADBE27C-8929-A2F1-90D1-7F447909E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206180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date / version</a:t>
            </a:r>
          </a:p>
        </p:txBody>
      </p:sp>
      <p:sp>
        <p:nvSpPr>
          <p:cNvPr id="6" name="Text Placeholder 16">
            <a:extLst>
              <a:ext uri="{FF2B5EF4-FFF2-40B4-BE49-F238E27FC236}">
                <a16:creationId xmlns:a16="http://schemas.microsoft.com/office/drawing/2014/main" id="{E01A4073-508E-97D8-273C-C37EF94B8C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203302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lient name</a:t>
            </a:r>
          </a:p>
        </p:txBody>
      </p:sp>
      <p:sp>
        <p:nvSpPr>
          <p:cNvPr id="7" name="Text Placeholder 16">
            <a:extLst>
              <a:ext uri="{FF2B5EF4-FFF2-40B4-BE49-F238E27FC236}">
                <a16:creationId xmlns:a16="http://schemas.microsoft.com/office/drawing/2014/main" id="{814194A3-85A1-C852-4B35-014896A69548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203302" y="5392584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project nam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4708027A-32AC-BB7B-076A-F55C04B124D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01150" y="6557961"/>
            <a:ext cx="1413818" cy="1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69398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 userDrawn="1">
          <p15:clr>
            <a:srgbClr val="A4A3A4"/>
          </p15:clr>
        </p15:guide>
        <p15:guide id="2" orient="horz" pos="1168" userDrawn="1">
          <p15:clr>
            <a:srgbClr val="A4A3A4"/>
          </p15:clr>
        </p15:guide>
        <p15:guide id="3" orient="horz" pos="2101" userDrawn="1">
          <p15:clr>
            <a:srgbClr val="A4A3A4"/>
          </p15:clr>
        </p15:guide>
        <p15:guide id="4" orient="horz" pos="2218" userDrawn="1">
          <p15:clr>
            <a:srgbClr val="A4A3A4"/>
          </p15:clr>
        </p15:guide>
        <p15:guide id="5" orient="horz" pos="3151" userDrawn="1">
          <p15:clr>
            <a:srgbClr val="A4A3A4"/>
          </p15:clr>
        </p15:guide>
        <p15:guide id="6" orient="horz" pos="3269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 w. imag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rid - freeform">
            <a:extLst>
              <a:ext uri="{FF2B5EF4-FFF2-40B4-BE49-F238E27FC236}">
                <a16:creationId xmlns:a16="http://schemas.microsoft.com/office/drawing/2014/main" id="{62DADB1D-DAF1-595A-485B-5D89409A1F7A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 tIns="0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00374" y="1666875"/>
            <a:ext cx="9191625" cy="3522662"/>
          </a:xfrm>
        </p:spPr>
        <p:txBody>
          <a:bodyPr lIns="198000" tIns="144000" rIns="180000" bIns="144000" anchor="t"/>
          <a:lstStyle>
            <a:lvl1pPr algn="l">
              <a:lnSpc>
                <a:spcPct val="86000"/>
              </a:lnSpc>
              <a:defRPr sz="6300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Text Placeholder 16">
            <a:extLst>
              <a:ext uri="{FF2B5EF4-FFF2-40B4-BE49-F238E27FC236}">
                <a16:creationId xmlns:a16="http://schemas.microsoft.com/office/drawing/2014/main" id="{8ADBE27C-8929-A2F1-90D1-7F447909E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206180" y="5153776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date / version</a:t>
            </a:r>
          </a:p>
        </p:txBody>
      </p:sp>
      <p:sp>
        <p:nvSpPr>
          <p:cNvPr id="6" name="Text Placeholder 16">
            <a:extLst>
              <a:ext uri="{FF2B5EF4-FFF2-40B4-BE49-F238E27FC236}">
                <a16:creationId xmlns:a16="http://schemas.microsoft.com/office/drawing/2014/main" id="{E01A4073-508E-97D8-273C-C37EF94B8C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203302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lient name</a:t>
            </a:r>
          </a:p>
        </p:txBody>
      </p:sp>
      <p:sp>
        <p:nvSpPr>
          <p:cNvPr id="7" name="Text Placeholder 16">
            <a:extLst>
              <a:ext uri="{FF2B5EF4-FFF2-40B4-BE49-F238E27FC236}">
                <a16:creationId xmlns:a16="http://schemas.microsoft.com/office/drawing/2014/main" id="{814194A3-85A1-C852-4B35-014896A69548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203302" y="5392584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project name</a:t>
            </a:r>
          </a:p>
        </p:txBody>
      </p:sp>
      <p:sp>
        <p:nvSpPr>
          <p:cNvPr id="12" name="Logo - freeform">
            <a:extLst>
              <a:ext uri="{FF2B5EF4-FFF2-40B4-BE49-F238E27FC236}">
                <a16:creationId xmlns:a16="http://schemas.microsoft.com/office/drawing/2014/main" id="{A365E6E5-85B4-B753-3B4A-DBA3D1964B2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white">
          <a:xfrm>
            <a:off x="187324" y="1864444"/>
            <a:ext cx="1679576" cy="255624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9" name="Box - freeform">
            <a:extLst>
              <a:ext uri="{FF2B5EF4-FFF2-40B4-BE49-F238E27FC236}">
                <a16:creationId xmlns:a16="http://schemas.microsoft.com/office/drawing/2014/main" id="{46A047EA-0D8D-E5EF-15A9-F1F50B95E3AD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 bwMode="white">
          <a:xfrm>
            <a:off x="3000375" y="1666874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Box - freeform">
            <a:extLst>
              <a:ext uri="{FF2B5EF4-FFF2-40B4-BE49-F238E27FC236}">
                <a16:creationId xmlns:a16="http://schemas.microsoft.com/office/drawing/2014/main" id="{F7E660AB-E7AA-4765-1160-A22EA87D18E7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 bwMode="white">
          <a:xfrm>
            <a:off x="3000375" y="5002212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Box - freeform">
            <a:extLst>
              <a:ext uri="{FF2B5EF4-FFF2-40B4-BE49-F238E27FC236}">
                <a16:creationId xmlns:a16="http://schemas.microsoft.com/office/drawing/2014/main" id="{70D9AD67-1F57-8BD7-EFC6-921EF12D967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white">
          <a:xfrm>
            <a:off x="12004675" y="1666875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4" name="Box - freeform">
            <a:extLst>
              <a:ext uri="{FF2B5EF4-FFF2-40B4-BE49-F238E27FC236}">
                <a16:creationId xmlns:a16="http://schemas.microsoft.com/office/drawing/2014/main" id="{8EC693B7-118D-CC7D-6FCC-6D87AE57BB39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white">
          <a:xfrm>
            <a:off x="12007056" y="5002213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F6B7474-D563-C122-12FA-0AE8A06D353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00977" y="6556496"/>
            <a:ext cx="1413818" cy="108000"/>
          </a:xfrm>
          <a:prstGeom prst="rect">
            <a:avLst/>
          </a:prstGeom>
        </p:spPr>
      </p:pic>
      <p:sp>
        <p:nvSpPr>
          <p:cNvPr id="15" name="Picture Placeholder 7">
            <a:extLst>
              <a:ext uri="{FF2B5EF4-FFF2-40B4-BE49-F238E27FC236}">
                <a16:creationId xmlns:a16="http://schemas.microsoft.com/office/drawing/2014/main" id="{65D2BFA1-E72E-CB12-4D23-BD077C7A93D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6569334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long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957FAFE2-DC25-D76A-010D-C19E2C8A702D}"/>
              </a:ext>
            </a:extLst>
          </p:cNvPr>
          <p:cNvSpPr/>
          <p:nvPr userDrawn="1"/>
        </p:nvSpPr>
        <p:spPr>
          <a:xfrm>
            <a:off x="0" y="11952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Grid">
            <a:extLst>
              <a:ext uri="{FF2B5EF4-FFF2-40B4-BE49-F238E27FC236}">
                <a16:creationId xmlns:a16="http://schemas.microsoft.com/office/drawing/2014/main" id="{C0BA7F59-CDC3-62D7-D722-BB5C145BC465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 bwMode="white"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EEC351E-C673-90A1-9633-CEECAA95F0A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75667" y="1627818"/>
            <a:ext cx="8816975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5919861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long green - no grid">
    <p:bg>
      <p:bgPr>
        <a:solidFill>
          <a:srgbClr val="12383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 bwMode="white"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EEC351E-C673-90A1-9633-CEECAA95F0A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75668" y="1627818"/>
            <a:ext cx="7438146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8532913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short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957FAFE2-DC25-D76A-010D-C19E2C8A702D}"/>
              </a:ext>
            </a:extLst>
          </p:cNvPr>
          <p:cNvSpPr/>
          <p:nvPr userDrawn="1"/>
        </p:nvSpPr>
        <p:spPr>
          <a:xfrm>
            <a:off x="-1200" y="6016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Grid">
            <a:extLst>
              <a:ext uri="{FF2B5EF4-FFF2-40B4-BE49-F238E27FC236}">
                <a16:creationId xmlns:a16="http://schemas.microsoft.com/office/drawing/2014/main" id="{C0BA7F59-CDC3-62D7-D722-BB5C145BC465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 bwMode="white"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2974183" y="1706106"/>
            <a:ext cx="9030491" cy="4054476"/>
          </a:xfrm>
        </p:spPr>
        <p:txBody>
          <a:bodyPr tIns="108000"/>
          <a:lstStyle>
            <a:lvl1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1pPr>
            <a:lvl2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2pPr>
            <a:lvl3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3pPr>
            <a:lvl4pPr marL="435600" indent="-435600">
              <a:lnSpc>
                <a:spcPct val="115000"/>
              </a:lnSpc>
              <a:spcBef>
                <a:spcPts val="0"/>
              </a:spcBef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4pPr>
            <a:lvl5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5pPr>
            <a:lvl6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6pPr>
            <a:lvl7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7pPr>
            <a:lvl8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8pPr>
            <a:lvl9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Enter &amp; TAB for next text level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352675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long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AA7BFD65-08C9-1340-556F-7990CE9ABBFE}"/>
              </a:ext>
            </a:extLst>
          </p:cNvPr>
          <p:cNvSpPr>
            <a:spLocks/>
          </p:cNvSpPr>
          <p:nvPr userDrawn="1"/>
        </p:nvSpPr>
        <p:spPr>
          <a:xfrm>
            <a:off x="-1200" y="-360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Grid">
            <a:extLst>
              <a:ext uri="{FF2B5EF4-FFF2-40B4-BE49-F238E27FC236}">
                <a16:creationId xmlns:a16="http://schemas.microsoft.com/office/drawing/2014/main" id="{EA445E9E-B98F-C4E5-5966-49E72CD8BDA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4FE6EAD-778E-BDF2-9D68-D1D6108541C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175667" y="1609890"/>
            <a:ext cx="8816975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44878747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short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852A952B-76EF-4C8C-8C7B-140D4588A85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Grid">
            <a:extLst>
              <a:ext uri="{FF2B5EF4-FFF2-40B4-BE49-F238E27FC236}">
                <a16:creationId xmlns:a16="http://schemas.microsoft.com/office/drawing/2014/main" id="{86B312DF-9E04-8EC7-BF7D-380A73D1E276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63B2D50B-F7A1-3E5D-5317-A3672D5A3BF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2974183" y="1700130"/>
            <a:ext cx="9030491" cy="4054476"/>
          </a:xfrm>
        </p:spPr>
        <p:txBody>
          <a:bodyPr tIns="108000"/>
          <a:lstStyle>
            <a:lvl1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1pPr>
            <a:lvl2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2pPr>
            <a:lvl3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3pPr>
            <a:lvl4pPr marL="435600" indent="-435600">
              <a:lnSpc>
                <a:spcPct val="115000"/>
              </a:lnSpc>
              <a:spcBef>
                <a:spcPts val="0"/>
              </a:spcBef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4pPr>
            <a:lvl5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5pPr>
            <a:lvl6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6pPr>
            <a:lvl7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7pPr>
            <a:lvl8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8pPr>
            <a:lvl9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Enter &amp; TAB for next text level</a:t>
            </a:r>
          </a:p>
        </p:txBody>
      </p:sp>
    </p:spTree>
    <p:extLst>
      <p:ext uri="{BB962C8B-B14F-4D97-AF65-F5344CB8AC3E}">
        <p14:creationId xmlns:p14="http://schemas.microsoft.com/office/powerpoint/2010/main" val="151643923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with headline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s">
            <a:extLst>
              <a:ext uri="{FF2B5EF4-FFF2-40B4-BE49-F238E27FC236}">
                <a16:creationId xmlns:a16="http://schemas.microsoft.com/office/drawing/2014/main" id="{DB5C86D5-D1E2-CBFA-36B6-5154EB48654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rm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5" name="Grid">
            <a:extLst>
              <a:ext uri="{FF2B5EF4-FFF2-40B4-BE49-F238E27FC236}">
                <a16:creationId xmlns:a16="http://schemas.microsoft.com/office/drawing/2014/main" id="{A90FCCFC-8D35-0483-FAB6-8375553E6456}"/>
              </a:ext>
            </a:extLst>
          </p:cNvPr>
          <p:cNvSpPr/>
          <p:nvPr userDrawn="1"/>
        </p:nvSpPr>
        <p:spPr>
          <a:xfrm>
            <a:off x="-598" y="2381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70D45FBA-DD21-FC4B-4421-D3250D2BFC81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86EADC8-30A6-B6BE-9F54-B5488F402F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019847-20E5-4B7E-B872-4144EE846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0C0AD753-83CD-C853-739F-AA968B28858C}"/>
              </a:ext>
            </a:extLst>
          </p:cNvPr>
          <p:cNvSpPr>
            <a:spLocks noGrp="1"/>
          </p:cNvSpPr>
          <p:nvPr>
            <p:ph idx="17" hasCustomPrompt="1"/>
          </p:nvPr>
        </p:nvSpPr>
        <p:spPr bwMode="white">
          <a:xfrm>
            <a:off x="185738" y="1438274"/>
            <a:ext cx="11818937" cy="4562476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long grey - no gr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97AEE8EB-E9A4-4093-2252-3955D0CA1AC9}"/>
              </a:ext>
            </a:extLst>
          </p:cNvPr>
          <p:cNvSpPr>
            <a:spLocks/>
          </p:cNvSpPr>
          <p:nvPr userDrawn="1"/>
        </p:nvSpPr>
        <p:spPr>
          <a:xfrm>
            <a:off x="-1200" y="-360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4FE6EAD-778E-BDF2-9D68-D1D6108541C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175667" y="1609890"/>
            <a:ext cx="8816975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4041709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 bwMode="white"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0" y="0"/>
            <a:ext cx="8996576" cy="2620964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000750" y="3335337"/>
            <a:ext cx="6191250" cy="1854199"/>
          </a:xfrm>
        </p:spPr>
        <p:txBody>
          <a:bodyPr lIns="198000" tIns="126000" rIns="180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>
          <a:xfrm>
            <a:off x="6000750" y="3335338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>
          <a:xfrm>
            <a:off x="6000750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>
          <a:xfrm>
            <a:off x="12004675" y="3335339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04001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rgbClr val="141E1E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180" y="0"/>
            <a:ext cx="8997756" cy="2603501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000750" y="3335337"/>
            <a:ext cx="6191250" cy="1854199"/>
          </a:xfrm>
        </p:spPr>
        <p:txBody>
          <a:bodyPr lIns="198000" tIns="126000" rIns="180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>
          <a:xfrm>
            <a:off x="6000750" y="3335338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>
          <a:xfrm>
            <a:off x="6000750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>
          <a:xfrm>
            <a:off x="12004675" y="3335339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66409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w.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3" name="Guide">
            <a:extLst>
              <a:ext uri="{FF2B5EF4-FFF2-40B4-BE49-F238E27FC236}">
                <a16:creationId xmlns:a16="http://schemas.microsoft.com/office/drawing/2014/main" id="{6D6B2C76-67F7-58FC-D140-3C131A126DFA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A62CA790-1DBB-DA42-8FF9-48AD53446E9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EBF53BD6-003B-D4FC-4624-078B26A2EFD3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insert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1FE13468-DA97-5B8D-6CF7-33DE06B42DD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icon and select image </a:t>
              </a: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901F8357-A60E-13FA-79E6-1290D752016B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6854E54D-A37D-10A5-328F-012D1D0B2238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Send to Back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84849087-ED75-C9CE-5B37-B81A3C732A69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change picture</a:t>
              </a:r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D7AC9CAF-56DA-0FC2-B120-D99E822DE7CA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0" dirty="0">
                  <a:solidFill>
                    <a:schemeClr val="bg1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Change picture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pic>
          <p:nvPicPr>
            <p:cNvPr id="30" name="Picture 29">
              <a:extLst>
                <a:ext uri="{FF2B5EF4-FFF2-40B4-BE49-F238E27FC236}">
                  <a16:creationId xmlns:a16="http://schemas.microsoft.com/office/drawing/2014/main" id="{FCD71379-BEAE-60BE-8789-7D9A107AEE49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3" name="Grid - freeform">
            <a:extLst>
              <a:ext uri="{FF2B5EF4-FFF2-40B4-BE49-F238E27FC236}">
                <a16:creationId xmlns:a16="http://schemas.microsoft.com/office/drawing/2014/main" id="{56288D53-3828-8189-203C-A78DA190D20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 tIns="0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Logo - freeform">
            <a:extLst>
              <a:ext uri="{FF2B5EF4-FFF2-40B4-BE49-F238E27FC236}">
                <a16:creationId xmlns:a16="http://schemas.microsoft.com/office/drawing/2014/main" id="{7C0B7C54-BB23-9FDC-51B5-60D0E0619F4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white">
          <a:xfrm>
            <a:off x="190800" y="6556701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0" y="-3597"/>
            <a:ext cx="8996575" cy="2607098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002338" y="3335338"/>
            <a:ext cx="6189662" cy="1854198"/>
          </a:xfrm>
        </p:spPr>
        <p:txBody>
          <a:bodyPr lIns="198000" tIns="126000" rIns="180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4" name="Box - freeform">
            <a:extLst>
              <a:ext uri="{FF2B5EF4-FFF2-40B4-BE49-F238E27FC236}">
                <a16:creationId xmlns:a16="http://schemas.microsoft.com/office/drawing/2014/main" id="{5FD446A9-0016-B3A8-E22B-5426AD41DB3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000750" y="3335338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Box - freeform">
            <a:extLst>
              <a:ext uri="{FF2B5EF4-FFF2-40B4-BE49-F238E27FC236}">
                <a16:creationId xmlns:a16="http://schemas.microsoft.com/office/drawing/2014/main" id="{13DF5A12-6558-454F-1F36-7FB6A3666F5D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000750" y="5002212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Box - freeform">
            <a:extLst>
              <a:ext uri="{FF2B5EF4-FFF2-40B4-BE49-F238E27FC236}">
                <a16:creationId xmlns:a16="http://schemas.microsoft.com/office/drawing/2014/main" id="{C35F92E2-8B21-4110-68BE-EEFF35C30D7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2004675" y="3335339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Box - freeform">
            <a:extLst>
              <a:ext uri="{FF2B5EF4-FFF2-40B4-BE49-F238E27FC236}">
                <a16:creationId xmlns:a16="http://schemas.microsoft.com/office/drawing/2014/main" id="{94EB1950-401F-E1E1-96BF-44E4607865E0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12007056" y="5002213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2" name="Picture Placeholder 7">
            <a:extLst>
              <a:ext uri="{FF2B5EF4-FFF2-40B4-BE49-F238E27FC236}">
                <a16:creationId xmlns:a16="http://schemas.microsoft.com/office/drawing/2014/main" id="{B1D7401D-5CCC-A4E0-F13F-50408C7B410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1116000" anchor="ctr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6470773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ligned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0" y="-1"/>
            <a:ext cx="8996575" cy="2603501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-1" y="3335338"/>
            <a:ext cx="6188075" cy="1854200"/>
          </a:xfrm>
        </p:spPr>
        <p:txBody>
          <a:bodyPr lIns="198000" tIns="126000" rIns="198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123093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ligned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rgbClr val="141E1E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0" y="-3597"/>
            <a:ext cx="8996575" cy="2607098"/>
          </a:xfrm>
        </p:spPr>
        <p:txBody>
          <a:bodyPr lIns="162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-1" y="3335338"/>
            <a:ext cx="6188075" cy="1854200"/>
          </a:xfrm>
        </p:spPr>
        <p:txBody>
          <a:bodyPr lIns="198000" tIns="126000" rIns="198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965933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ligned w.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uide">
            <a:extLst>
              <a:ext uri="{FF2B5EF4-FFF2-40B4-BE49-F238E27FC236}">
                <a16:creationId xmlns:a16="http://schemas.microsoft.com/office/drawing/2014/main" id="{4E29DD6F-3C9A-83C7-A43D-4B1D307F3C41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C402DAB5-3B0C-1BE5-7506-FBE09B020E7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C63EB90F-B453-6979-05B4-954151AF6FA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insert picture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1AA26747-23FD-492D-6631-932376128123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icon and select image </a:t>
              </a:r>
            </a:p>
          </p:txBody>
        </p: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5E8AD5E1-7764-07F6-9734-CD98F8B0F58D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218ECF42-7BD8-C807-31C2-27BFCDDB1289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Send to Back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E2183B96-8712-A936-E6AA-11303606C4D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change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77843DED-E35E-CF26-648D-F6651EF0FD7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0" dirty="0">
                  <a:solidFill>
                    <a:schemeClr val="bg1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Change picture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AFD4FCFA-68A1-4B32-34CB-EB3670C0C5A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3" name="Grid - freeform">
            <a:extLst>
              <a:ext uri="{FF2B5EF4-FFF2-40B4-BE49-F238E27FC236}">
                <a16:creationId xmlns:a16="http://schemas.microsoft.com/office/drawing/2014/main" id="{56288D53-3828-8189-203C-A78DA190D20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 tIns="0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200" y="0"/>
            <a:ext cx="8997775" cy="2603501"/>
          </a:xfrm>
        </p:spPr>
        <p:txBody>
          <a:bodyPr lIns="162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-1" y="3335338"/>
            <a:ext cx="6188075" cy="1854200"/>
          </a:xfrm>
        </p:spPr>
        <p:txBody>
          <a:bodyPr lIns="198000" tIns="126000" rIns="198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7"/>
            <a:r>
              <a:rPr lang="en-GB" dirty="0"/>
              <a:t>Click to add subtitle</a:t>
            </a:r>
          </a:p>
        </p:txBody>
      </p:sp>
      <p:sp>
        <p:nvSpPr>
          <p:cNvPr id="6" name="Logo - freeform">
            <a:extLst>
              <a:ext uri="{FF2B5EF4-FFF2-40B4-BE49-F238E27FC236}">
                <a16:creationId xmlns:a16="http://schemas.microsoft.com/office/drawing/2014/main" id="{7C0B7C54-BB23-9FDC-51B5-60D0E0619F4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90800" y="6556701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4BAB8B75-C663-7641-4486-474A396CF1B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36435870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front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uide">
            <a:extLst>
              <a:ext uri="{FF2B5EF4-FFF2-40B4-BE49-F238E27FC236}">
                <a16:creationId xmlns:a16="http://schemas.microsoft.com/office/drawing/2014/main" id="{41142E58-7393-F68B-7BE0-516A5528096D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02EAC2C7-807A-2E5F-50CE-2943BE94B6C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D54A843B-0FF1-5382-8E19-63E5959DC73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insert picture</a:t>
              </a:r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9A30FC6F-19FB-9CDA-4A61-BDE7AD690ADE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icon and select image </a:t>
              </a:r>
            </a:p>
          </p:txBody>
        </p:sp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BD438341-2CC6-F8B8-578C-0EFBA4BF56C3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0B0AFAEC-1715-B07F-FFEA-EC750818A54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Send to Back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AA77E08F-0E57-3332-70E0-389FDE443FB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change picture</a:t>
              </a: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78D36230-14BB-12EB-491B-64CAC5937A8C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0" dirty="0">
                  <a:solidFill>
                    <a:schemeClr val="bg1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Change picture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005430F7-467A-3D2B-3504-31AC0D9B91F3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35" name="Grid - freeform">
            <a:extLst>
              <a:ext uri="{FF2B5EF4-FFF2-40B4-BE49-F238E27FC236}">
                <a16:creationId xmlns:a16="http://schemas.microsoft.com/office/drawing/2014/main" id="{2DDB9CE3-63AE-3A4C-9656-1872AEDC73F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00376" y="1666875"/>
            <a:ext cx="9004300" cy="1668463"/>
          </a:xfrm>
        </p:spPr>
        <p:txBody>
          <a:bodyPr lIns="162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case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FB2772C-AF9B-BD8D-22DF-FA5C83D3FC3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186113" y="3521075"/>
            <a:ext cx="8818562" cy="1668461"/>
          </a:xfrm>
        </p:spPr>
        <p:txBody>
          <a:bodyPr bIns="126000" anchor="b">
            <a:norm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AF135D2C-B193-5572-6AB3-1D385F4F4A01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185738" y="1854200"/>
            <a:ext cx="2316162" cy="1141987"/>
          </a:xfrm>
        </p:spPr>
        <p:txBody>
          <a:bodyPr tIns="0" bIns="2664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Click on image icon to add case logo</a:t>
            </a:r>
          </a:p>
        </p:txBody>
      </p:sp>
      <p:sp>
        <p:nvSpPr>
          <p:cNvPr id="49" name="Box - freeform">
            <a:extLst>
              <a:ext uri="{FF2B5EF4-FFF2-40B4-BE49-F238E27FC236}">
                <a16:creationId xmlns:a16="http://schemas.microsoft.com/office/drawing/2014/main" id="{E13C873E-830A-FF5E-480C-75F13506DF7B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3000375" y="1666874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Box - freeform">
            <a:extLst>
              <a:ext uri="{FF2B5EF4-FFF2-40B4-BE49-F238E27FC236}">
                <a16:creationId xmlns:a16="http://schemas.microsoft.com/office/drawing/2014/main" id="{F6740A49-54B9-F7A0-FF3F-FC7451721DE7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3000375" y="5002212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1" name="Box - freeform">
            <a:extLst>
              <a:ext uri="{FF2B5EF4-FFF2-40B4-BE49-F238E27FC236}">
                <a16:creationId xmlns:a16="http://schemas.microsoft.com/office/drawing/2014/main" id="{AF5686B3-4900-2E2A-7FEE-287D5E2D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2004675" y="1666875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2" name="Box - freeform">
            <a:extLst>
              <a:ext uri="{FF2B5EF4-FFF2-40B4-BE49-F238E27FC236}">
                <a16:creationId xmlns:a16="http://schemas.microsoft.com/office/drawing/2014/main" id="{1DA84705-83BF-97AC-4FD8-8F2510ECB958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12007056" y="5002213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Logo - freeform">
            <a:extLst>
              <a:ext uri="{FF2B5EF4-FFF2-40B4-BE49-F238E27FC236}">
                <a16:creationId xmlns:a16="http://schemas.microsoft.com/office/drawing/2014/main" id="{06C2DF0B-202F-8C0C-3F54-3CD4DFAF506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87324" y="6556701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19990C7-A6B6-3218-185C-2B3CB4E15DDB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1" name="Picture Placeholder 7">
            <a:extLst>
              <a:ext uri="{FF2B5EF4-FFF2-40B4-BE49-F238E27FC236}">
                <a16:creationId xmlns:a16="http://schemas.microsoft.com/office/drawing/2014/main" id="{58BAAEBB-CB87-C7F1-0E96-B48C28895A8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1116000" anchor="ctr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7000"/>
              </a:lnSpc>
              <a:spcBef>
                <a:spcPts val="0"/>
              </a:spcBef>
              <a:spcAft>
                <a:spcPts val="0"/>
              </a:spcAft>
              <a:buClr>
                <a:schemeClr val="accent5"/>
              </a:buClr>
              <a:buSzPct val="60000"/>
              <a:buFont typeface="Wingdings" panose="05000000000000000000" pitchFamily="2" charset="2"/>
              <a:buNone/>
              <a:tabLst/>
              <a:defRPr/>
            </a:pPr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8376174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04A3CA84-1BA5-C9F8-E2B7-D59689A69C85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21" name="Picture 20">
              <a:extLst>
                <a:ext uri="{FF2B5EF4-FFF2-40B4-BE49-F238E27FC236}">
                  <a16:creationId xmlns:a16="http://schemas.microsoft.com/office/drawing/2014/main" id="{901F7A90-8978-F336-7E62-572CEB197A0A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1020A59E-FCAF-A2FA-5B7B-6D5A4478F2B6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insert picture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6E5B129C-8A99-02EE-9661-90141E5EB890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/>
                <a:t>Click on icon and select image </a:t>
              </a:r>
            </a:p>
          </p:txBody>
        </p:sp>
        <p:pic>
          <p:nvPicPr>
            <p:cNvPr id="24" name="Picture 23">
              <a:extLst>
                <a:ext uri="{FF2B5EF4-FFF2-40B4-BE49-F238E27FC236}">
                  <a16:creationId xmlns:a16="http://schemas.microsoft.com/office/drawing/2014/main" id="{3C951252-A180-BF67-FE82-86DCEF652292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D3DA7137-6DEE-3502-8939-0C9614F2376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Once you have inserted image, right click on it and select option </a:t>
              </a:r>
              <a:br>
                <a:rPr lang="en-GB" sz="1200" b="0" dirty="0"/>
              </a:br>
              <a:r>
                <a:rPr lang="en-GB" sz="1200" b="1" dirty="0"/>
                <a:t>Send to Back</a:t>
              </a:r>
              <a:endParaRPr lang="en-GB" sz="1200" b="0" dirty="0"/>
            </a:p>
          </p:txBody>
        </p: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7732975-93F5-C381-37F4-1572BE9F80A2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change picture</a:t>
              </a:r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31925F6F-7EA7-8D66-D0A0-B5280596A3B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Click on the frame of slide and select picture</a:t>
              </a:r>
              <a:br>
                <a:rPr lang="en-GB" sz="1200" b="0" dirty="0"/>
              </a:br>
              <a:br>
                <a:rPr lang="en-GB" sz="1200" b="0" dirty="0"/>
              </a:br>
              <a:r>
                <a:rPr lang="en-GB" sz="1200" b="0" dirty="0"/>
                <a:t>Once you have selected image right click on it and select option</a:t>
              </a:r>
              <a:br>
                <a:rPr lang="en-GB" sz="1200" b="0" dirty="0"/>
              </a:br>
              <a:r>
                <a:rPr lang="en-GB" sz="1200" b="1" dirty="0"/>
                <a:t>Change picture</a:t>
              </a:r>
              <a:endParaRPr lang="en-GB" sz="1200" b="0" dirty="0"/>
            </a:p>
          </p:txBody>
        </p:sp>
        <p:pic>
          <p:nvPicPr>
            <p:cNvPr id="28" name="Picture 27">
              <a:extLst>
                <a:ext uri="{FF2B5EF4-FFF2-40B4-BE49-F238E27FC236}">
                  <a16:creationId xmlns:a16="http://schemas.microsoft.com/office/drawing/2014/main" id="{EB857EE3-B34F-876C-9439-5030C59A955E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8" name="Grid - picture">
            <a:extLst>
              <a:ext uri="{FF2B5EF4-FFF2-40B4-BE49-F238E27FC236}">
                <a16:creationId xmlns:a16="http://schemas.microsoft.com/office/drawing/2014/main" id="{0E7FCCDA-1820-AC61-B837-6658D1BE0AD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0" y="0"/>
            <a:ext cx="4498974" cy="6858000"/>
          </a:xfrm>
          <a:custGeom>
            <a:avLst/>
            <a:gdLst>
              <a:gd name="connsiteX0" fmla="*/ 183018 w 4498974"/>
              <a:gd name="connsiteY0" fmla="*/ 0 h 6858000"/>
              <a:gd name="connsiteX1" fmla="*/ 190218 w 4498974"/>
              <a:gd name="connsiteY1" fmla="*/ 0 h 6858000"/>
              <a:gd name="connsiteX2" fmla="*/ 190218 w 4498974"/>
              <a:gd name="connsiteY2" fmla="*/ 183019 h 6858000"/>
              <a:gd name="connsiteX3" fmla="*/ 4498974 w 4498974"/>
              <a:gd name="connsiteY3" fmla="*/ 183019 h 6858000"/>
              <a:gd name="connsiteX4" fmla="*/ 4498974 w 4498974"/>
              <a:gd name="connsiteY4" fmla="*/ 190219 h 6858000"/>
              <a:gd name="connsiteX5" fmla="*/ 190218 w 4498974"/>
              <a:gd name="connsiteY5" fmla="*/ 190219 h 6858000"/>
              <a:gd name="connsiteX6" fmla="*/ 190218 w 4498974"/>
              <a:gd name="connsiteY6" fmla="*/ 6667781 h 6858000"/>
              <a:gd name="connsiteX7" fmla="*/ 4498974 w 4498974"/>
              <a:gd name="connsiteY7" fmla="*/ 6667781 h 6858000"/>
              <a:gd name="connsiteX8" fmla="*/ 4498974 w 4498974"/>
              <a:gd name="connsiteY8" fmla="*/ 6674981 h 6858000"/>
              <a:gd name="connsiteX9" fmla="*/ 190218 w 4498974"/>
              <a:gd name="connsiteY9" fmla="*/ 6674981 h 6858000"/>
              <a:gd name="connsiteX10" fmla="*/ 190218 w 4498974"/>
              <a:gd name="connsiteY10" fmla="*/ 6858000 h 6858000"/>
              <a:gd name="connsiteX11" fmla="*/ 183018 w 4498974"/>
              <a:gd name="connsiteY11" fmla="*/ 6858000 h 6858000"/>
              <a:gd name="connsiteX12" fmla="*/ 183018 w 4498974"/>
              <a:gd name="connsiteY12" fmla="*/ 6674981 h 6858000"/>
              <a:gd name="connsiteX13" fmla="*/ 0 w 4498974"/>
              <a:gd name="connsiteY13" fmla="*/ 6674981 h 6858000"/>
              <a:gd name="connsiteX14" fmla="*/ 0 w 4498974"/>
              <a:gd name="connsiteY14" fmla="*/ 6667781 h 6858000"/>
              <a:gd name="connsiteX15" fmla="*/ 183018 w 4498974"/>
              <a:gd name="connsiteY15" fmla="*/ 6667781 h 6858000"/>
              <a:gd name="connsiteX16" fmla="*/ 183018 w 4498974"/>
              <a:gd name="connsiteY16" fmla="*/ 190219 h 6858000"/>
              <a:gd name="connsiteX17" fmla="*/ 0 w 4498974"/>
              <a:gd name="connsiteY17" fmla="*/ 190219 h 6858000"/>
              <a:gd name="connsiteX18" fmla="*/ 0 w 4498974"/>
              <a:gd name="connsiteY18" fmla="*/ 183019 h 6858000"/>
              <a:gd name="connsiteX19" fmla="*/ 183018 w 4498974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4498974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4498974" y="183019"/>
                </a:lnTo>
                <a:lnTo>
                  <a:pt x="4498974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4498974" y="6667781"/>
                </a:lnTo>
                <a:lnTo>
                  <a:pt x="4498974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Logo">
            <a:extLst>
              <a:ext uri="{FF2B5EF4-FFF2-40B4-BE49-F238E27FC236}">
                <a16:creationId xmlns:a16="http://schemas.microsoft.com/office/drawing/2014/main" id="{A50615D6-0A3E-B10F-FB0D-DE6A1159C7EE}"/>
              </a:ext>
            </a:extLst>
          </p:cNvPr>
          <p:cNvSpPr/>
          <p:nvPr userDrawn="1"/>
        </p:nvSpPr>
        <p:spPr>
          <a:xfrm>
            <a:off x="4684712" y="6553953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99C18C5-C86E-FADA-D411-2FABFD8B6C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84712" y="185737"/>
            <a:ext cx="7319963" cy="94773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1422C190-2DCB-D260-7EEA-9F975E6DB595}"/>
              </a:ext>
            </a:extLst>
          </p:cNvPr>
          <p:cNvSpPr>
            <a:spLocks noGrp="1"/>
          </p:cNvSpPr>
          <p:nvPr>
            <p:ph type="subTitle" idx="19" hasCustomPrompt="1"/>
          </p:nvPr>
        </p:nvSpPr>
        <p:spPr>
          <a:xfrm>
            <a:off x="185738" y="4952999"/>
            <a:ext cx="3001962" cy="1717675"/>
          </a:xfrm>
        </p:spPr>
        <p:txBody>
          <a:bodyPr anchor="b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bg1"/>
                </a:solidFill>
              </a:defRPr>
            </a:lvl9pPr>
          </a:lstStyle>
          <a:p>
            <a:r>
              <a:rPr lang="en-US" dirty="0"/>
              <a:t>“Add statement about effects for business, society or customers”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86300" y="1440000"/>
            <a:ext cx="3564000" cy="44280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altLang="zh-HK" noProof="0" dirty="0"/>
              <a:t>Click to add text</a:t>
            </a:r>
            <a:endParaRPr lang="en-GB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439150" y="1440000"/>
            <a:ext cx="3565525" cy="44280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altLang="zh-HK" noProof="0" dirty="0"/>
              <a:t>Click to add text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8C8B7966-A6D0-CD9C-64D3-C52B2040FAC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0" y="0"/>
            <a:ext cx="4498975" cy="68580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210821285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0DA71C2-845C-4AD9-A7C4-08E016602B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C79408F-6183-C914-F0E6-2BEA16F53A1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with headline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E179BD8B-964C-8002-AAA2-5F16F1D4802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Grid">
            <a:extLst>
              <a:ext uri="{FF2B5EF4-FFF2-40B4-BE49-F238E27FC236}">
                <a16:creationId xmlns:a16="http://schemas.microsoft.com/office/drawing/2014/main" id="{5D5D1909-6D24-84A8-3EAC-1882786202A9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D0D7D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F8BA0786-5A28-B7AD-9958-EC9EB91FA6C3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36AEDBD-8693-0BEE-4A4A-7F2D5DE5EE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1B56671B-9A9D-085B-1D6C-49777DBD7574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185738" y="1438274"/>
            <a:ext cx="11818937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019847-20E5-4B7E-B872-4144EE846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ysClr val="windowText" lastClr="000000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0022274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s">
            <a:extLst>
              <a:ext uri="{FF2B5EF4-FFF2-40B4-BE49-F238E27FC236}">
                <a16:creationId xmlns:a16="http://schemas.microsoft.com/office/drawing/2014/main" id="{3736B150-1203-331B-40BE-FF1D661B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Grid">
            <a:extLst>
              <a:ext uri="{FF2B5EF4-FFF2-40B4-BE49-F238E27FC236}">
                <a16:creationId xmlns:a16="http://schemas.microsoft.com/office/drawing/2014/main" id="{266659E1-20C2-AFA5-20C1-CDFF6B0F8116}"/>
              </a:ext>
            </a:extLst>
          </p:cNvPr>
          <p:cNvSpPr/>
          <p:nvPr userDrawn="1"/>
        </p:nvSpPr>
        <p:spPr>
          <a:xfrm>
            <a:off x="-598" y="2381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>
              <a:solidFill>
                <a:srgbClr val="141E1E"/>
              </a:solidFill>
            </a:endParaRPr>
          </a:p>
        </p:txBody>
      </p:sp>
      <p:sp>
        <p:nvSpPr>
          <p:cNvPr id="8" name="Logo">
            <a:extLst>
              <a:ext uri="{FF2B5EF4-FFF2-40B4-BE49-F238E27FC236}">
                <a16:creationId xmlns:a16="http://schemas.microsoft.com/office/drawing/2014/main" id="{9877389C-CEA5-2411-D7FA-7A9562C1D022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accent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AAC2477E-E0CD-66B3-67D0-3D395A2C026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Grid">
            <a:extLst>
              <a:ext uri="{FF2B5EF4-FFF2-40B4-BE49-F238E27FC236}">
                <a16:creationId xmlns:a16="http://schemas.microsoft.com/office/drawing/2014/main" id="{9CDF1C58-E1F8-E935-1E42-00832DA8776B}"/>
              </a:ext>
            </a:extLst>
          </p:cNvPr>
          <p:cNvSpPr/>
          <p:nvPr userDrawn="1"/>
        </p:nvSpPr>
        <p:spPr>
          <a:xfrm>
            <a:off x="-598" y="2381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8ACB7881-CB6C-5120-BF17-2D436E554B59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9201596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435317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.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Grid - freeform">
            <a:extLst>
              <a:ext uri="{FF2B5EF4-FFF2-40B4-BE49-F238E27FC236}">
                <a16:creationId xmlns:a16="http://schemas.microsoft.com/office/drawing/2014/main" id="{648DDE02-0128-A751-ACA6-C734FB2BDA2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0" y="795"/>
            <a:ext cx="12192000" cy="6858000"/>
          </a:xfrm>
          <a:custGeom>
            <a:avLst/>
            <a:gdLst>
              <a:gd name="connsiteX0" fmla="*/ 189620 w 12192000"/>
              <a:gd name="connsiteY0" fmla="*/ 190219 h 6858000"/>
              <a:gd name="connsiteX1" fmla="*/ 189620 w 12192000"/>
              <a:gd name="connsiteY1" fmla="*/ 6667781 h 6858000"/>
              <a:gd name="connsiteX2" fmla="*/ 12001239 w 12192000"/>
              <a:gd name="connsiteY2" fmla="*/ 6667781 h 6858000"/>
              <a:gd name="connsiteX3" fmla="*/ 12001239 w 12192000"/>
              <a:gd name="connsiteY3" fmla="*/ 190219 h 6858000"/>
              <a:gd name="connsiteX4" fmla="*/ 182420 w 12192000"/>
              <a:gd name="connsiteY4" fmla="*/ 0 h 6858000"/>
              <a:gd name="connsiteX5" fmla="*/ 189620 w 12192000"/>
              <a:gd name="connsiteY5" fmla="*/ 0 h 6858000"/>
              <a:gd name="connsiteX6" fmla="*/ 189620 w 12192000"/>
              <a:gd name="connsiteY6" fmla="*/ 183019 h 6858000"/>
              <a:gd name="connsiteX7" fmla="*/ 12001239 w 12192000"/>
              <a:gd name="connsiteY7" fmla="*/ 183019 h 6858000"/>
              <a:gd name="connsiteX8" fmla="*/ 12001239 w 12192000"/>
              <a:gd name="connsiteY8" fmla="*/ 0 h 6858000"/>
              <a:gd name="connsiteX9" fmla="*/ 12008439 w 12192000"/>
              <a:gd name="connsiteY9" fmla="*/ 0 h 6858000"/>
              <a:gd name="connsiteX10" fmla="*/ 12008439 w 12192000"/>
              <a:gd name="connsiteY10" fmla="*/ 183019 h 6858000"/>
              <a:gd name="connsiteX11" fmla="*/ 12192000 w 12192000"/>
              <a:gd name="connsiteY11" fmla="*/ 183019 h 6858000"/>
              <a:gd name="connsiteX12" fmla="*/ 12192000 w 12192000"/>
              <a:gd name="connsiteY12" fmla="*/ 190219 h 6858000"/>
              <a:gd name="connsiteX13" fmla="*/ 12008439 w 12192000"/>
              <a:gd name="connsiteY13" fmla="*/ 190219 h 6858000"/>
              <a:gd name="connsiteX14" fmla="*/ 12008439 w 12192000"/>
              <a:gd name="connsiteY14" fmla="*/ 6667781 h 6858000"/>
              <a:gd name="connsiteX15" fmla="*/ 12192000 w 12192000"/>
              <a:gd name="connsiteY15" fmla="*/ 6667781 h 6858000"/>
              <a:gd name="connsiteX16" fmla="*/ 12192000 w 12192000"/>
              <a:gd name="connsiteY16" fmla="*/ 6674981 h 6858000"/>
              <a:gd name="connsiteX17" fmla="*/ 12008439 w 12192000"/>
              <a:gd name="connsiteY17" fmla="*/ 6674981 h 6858000"/>
              <a:gd name="connsiteX18" fmla="*/ 12008439 w 12192000"/>
              <a:gd name="connsiteY18" fmla="*/ 6858000 h 6858000"/>
              <a:gd name="connsiteX19" fmla="*/ 12001239 w 12192000"/>
              <a:gd name="connsiteY19" fmla="*/ 6858000 h 6858000"/>
              <a:gd name="connsiteX20" fmla="*/ 12001239 w 12192000"/>
              <a:gd name="connsiteY20" fmla="*/ 6674981 h 6858000"/>
              <a:gd name="connsiteX21" fmla="*/ 189620 w 12192000"/>
              <a:gd name="connsiteY21" fmla="*/ 6674981 h 6858000"/>
              <a:gd name="connsiteX22" fmla="*/ 189620 w 12192000"/>
              <a:gd name="connsiteY22" fmla="*/ 6858000 h 6858000"/>
              <a:gd name="connsiteX23" fmla="*/ 182420 w 12192000"/>
              <a:gd name="connsiteY23" fmla="*/ 6858000 h 6858000"/>
              <a:gd name="connsiteX24" fmla="*/ 182420 w 12192000"/>
              <a:gd name="connsiteY24" fmla="*/ 6674981 h 6858000"/>
              <a:gd name="connsiteX25" fmla="*/ 0 w 12192000"/>
              <a:gd name="connsiteY25" fmla="*/ 6674981 h 6858000"/>
              <a:gd name="connsiteX26" fmla="*/ 0 w 12192000"/>
              <a:gd name="connsiteY26" fmla="*/ 6667781 h 6858000"/>
              <a:gd name="connsiteX27" fmla="*/ 182420 w 12192000"/>
              <a:gd name="connsiteY27" fmla="*/ 6667781 h 6858000"/>
              <a:gd name="connsiteX28" fmla="*/ 182420 w 12192000"/>
              <a:gd name="connsiteY28" fmla="*/ 190219 h 6858000"/>
              <a:gd name="connsiteX29" fmla="*/ 0 w 12192000"/>
              <a:gd name="connsiteY29" fmla="*/ 190219 h 6858000"/>
              <a:gd name="connsiteX30" fmla="*/ 0 w 12192000"/>
              <a:gd name="connsiteY30" fmla="*/ 183019 h 6858000"/>
              <a:gd name="connsiteX31" fmla="*/ 182420 w 12192000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2000" h="6858000">
                <a:moveTo>
                  <a:pt x="189620" y="190219"/>
                </a:moveTo>
                <a:lnTo>
                  <a:pt x="189620" y="6667781"/>
                </a:lnTo>
                <a:lnTo>
                  <a:pt x="12001239" y="6667781"/>
                </a:lnTo>
                <a:lnTo>
                  <a:pt x="12001239" y="190219"/>
                </a:lnTo>
                <a:close/>
                <a:moveTo>
                  <a:pt x="182420" y="0"/>
                </a:moveTo>
                <a:lnTo>
                  <a:pt x="189620" y="0"/>
                </a:lnTo>
                <a:lnTo>
                  <a:pt x="189620" y="183019"/>
                </a:lnTo>
                <a:lnTo>
                  <a:pt x="12001239" y="183019"/>
                </a:lnTo>
                <a:lnTo>
                  <a:pt x="12001239" y="0"/>
                </a:lnTo>
                <a:lnTo>
                  <a:pt x="12008439" y="0"/>
                </a:lnTo>
                <a:lnTo>
                  <a:pt x="12008439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439" y="190219"/>
                </a:lnTo>
                <a:lnTo>
                  <a:pt x="12008439" y="6667781"/>
                </a:lnTo>
                <a:lnTo>
                  <a:pt x="12192000" y="6667781"/>
                </a:lnTo>
                <a:lnTo>
                  <a:pt x="12192000" y="6674981"/>
                </a:lnTo>
                <a:lnTo>
                  <a:pt x="12008439" y="6674981"/>
                </a:lnTo>
                <a:lnTo>
                  <a:pt x="12008439" y="6858000"/>
                </a:lnTo>
                <a:lnTo>
                  <a:pt x="12001239" y="6858000"/>
                </a:lnTo>
                <a:lnTo>
                  <a:pt x="12001239" y="6674981"/>
                </a:lnTo>
                <a:lnTo>
                  <a:pt x="189620" y="6674981"/>
                </a:lnTo>
                <a:lnTo>
                  <a:pt x="189620" y="6858000"/>
                </a:lnTo>
                <a:lnTo>
                  <a:pt x="182420" y="6858000"/>
                </a:lnTo>
                <a:lnTo>
                  <a:pt x="182420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2420" y="6667781"/>
                </a:lnTo>
                <a:lnTo>
                  <a:pt x="182420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2420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9" name="Logo - freeform">
            <a:extLst>
              <a:ext uri="{FF2B5EF4-FFF2-40B4-BE49-F238E27FC236}">
                <a16:creationId xmlns:a16="http://schemas.microsoft.com/office/drawing/2014/main" id="{58073AFA-7EFF-0E30-CB85-EF3C4A969E3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90800" y="6555600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96DC702E-4EA8-54A2-442D-E89A7EB8A00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1116000" anchor="ctr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21366052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AB5F4716-69BA-88BE-89EF-5D95180AF85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Grid">
            <a:extLst>
              <a:ext uri="{FF2B5EF4-FFF2-40B4-BE49-F238E27FC236}">
                <a16:creationId xmlns:a16="http://schemas.microsoft.com/office/drawing/2014/main" id="{E40A9A85-8338-90A7-E9C9-5E48397313C8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0" name="Logo">
            <a:extLst>
              <a:ext uri="{FF2B5EF4-FFF2-40B4-BE49-F238E27FC236}">
                <a16:creationId xmlns:a16="http://schemas.microsoft.com/office/drawing/2014/main" id="{B241B74F-7D87-FFC5-C09C-F196C06575D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87700" y="1670050"/>
            <a:ext cx="8816975" cy="3517899"/>
          </a:xfrm>
        </p:spPr>
        <p:txBody>
          <a:bodyPr lIns="187200">
            <a:normAutofit/>
          </a:bodyPr>
          <a:lstStyle>
            <a:lvl1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4800">
                <a:solidFill>
                  <a:schemeClr val="bg1"/>
                </a:solidFill>
              </a:defRPr>
            </a:lvl2pPr>
            <a:lvl3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3pPr>
            <a:lvl4pPr>
              <a:defRPr sz="6600" b="0">
                <a:solidFill>
                  <a:schemeClr val="bg1"/>
                </a:solidFill>
              </a:defRPr>
            </a:lvl4pPr>
            <a:lvl5pPr>
              <a:defRPr sz="6600" b="0">
                <a:solidFill>
                  <a:schemeClr val="bg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6pPr>
            <a:lvl7pPr>
              <a:defRPr sz="6600" b="0">
                <a:solidFill>
                  <a:schemeClr val="bg1"/>
                </a:solidFill>
              </a:defRPr>
            </a:lvl7pPr>
            <a:lvl8pPr>
              <a:defRPr sz="6600" b="0">
                <a:solidFill>
                  <a:schemeClr val="bg1"/>
                </a:solidFill>
              </a:defRPr>
            </a:lvl8pPr>
            <a:lvl9pPr>
              <a:defRPr sz="66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quote </a:t>
            </a:r>
            <a:br>
              <a:rPr lang="en-GB" dirty="0"/>
            </a:br>
            <a:endParaRPr lang="en-GB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6FEBBFBD-B279-3ADF-2659-FEEB6B009C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84537" y="1670050"/>
            <a:ext cx="2692013" cy="410400"/>
          </a:xfrm>
        </p:spPr>
        <p:txBody>
          <a:bodyPr tIns="144000" bIns="0">
            <a:normAutofit/>
          </a:bodyPr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20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insert tex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2E116F1-590B-F8F0-97A6-5FC456BE9050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141395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green - no gr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A758C21B-8E3D-3DE6-27D0-4B46F4FAF3B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Logo">
            <a:extLst>
              <a:ext uri="{FF2B5EF4-FFF2-40B4-BE49-F238E27FC236}">
                <a16:creationId xmlns:a16="http://schemas.microsoft.com/office/drawing/2014/main" id="{B241B74F-7D87-FFC5-C09C-F196C06575D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87700" y="1670050"/>
            <a:ext cx="8816975" cy="3517899"/>
          </a:xfrm>
        </p:spPr>
        <p:txBody>
          <a:bodyPr lIns="187200">
            <a:normAutofit/>
          </a:bodyPr>
          <a:lstStyle>
            <a:lvl1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4800">
                <a:solidFill>
                  <a:schemeClr val="bg1"/>
                </a:solidFill>
              </a:defRPr>
            </a:lvl2pPr>
            <a:lvl3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3pPr>
            <a:lvl4pPr>
              <a:defRPr sz="6600" b="0">
                <a:solidFill>
                  <a:schemeClr val="bg1"/>
                </a:solidFill>
              </a:defRPr>
            </a:lvl4pPr>
            <a:lvl5pPr>
              <a:defRPr sz="6600" b="0">
                <a:solidFill>
                  <a:schemeClr val="bg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6pPr>
            <a:lvl7pPr>
              <a:defRPr sz="6600" b="0">
                <a:solidFill>
                  <a:schemeClr val="bg1"/>
                </a:solidFill>
              </a:defRPr>
            </a:lvl7pPr>
            <a:lvl8pPr>
              <a:defRPr sz="6600" b="0">
                <a:solidFill>
                  <a:schemeClr val="bg1"/>
                </a:solidFill>
              </a:defRPr>
            </a:lvl8pPr>
            <a:lvl9pPr>
              <a:defRPr sz="66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quote </a:t>
            </a:r>
            <a:br>
              <a:rPr lang="en-GB" dirty="0"/>
            </a:br>
            <a:endParaRPr lang="en-GB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6FEBBFBD-B279-3ADF-2659-FEEB6B009C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84537" y="1670050"/>
            <a:ext cx="2692013" cy="410400"/>
          </a:xfrm>
        </p:spPr>
        <p:txBody>
          <a:bodyPr tIns="144000" bIns="0">
            <a:normAutofit/>
          </a:bodyPr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20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insert tex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2E116F1-590B-F8F0-97A6-5FC456BE9050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0578354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B4836A24-C01B-015A-56EC-184EF7FB287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Grid">
            <a:extLst>
              <a:ext uri="{FF2B5EF4-FFF2-40B4-BE49-F238E27FC236}">
                <a16:creationId xmlns:a16="http://schemas.microsoft.com/office/drawing/2014/main" id="{3413B674-7FD1-38F4-C1B3-F84A0836E4A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0" name="Logo">
            <a:extLst>
              <a:ext uri="{FF2B5EF4-FFF2-40B4-BE49-F238E27FC236}">
                <a16:creationId xmlns:a16="http://schemas.microsoft.com/office/drawing/2014/main" id="{B241B74F-7D87-FFC5-C09C-F196C06575DA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187700" y="1670050"/>
            <a:ext cx="8816975" cy="3517899"/>
          </a:xfrm>
        </p:spPr>
        <p:txBody>
          <a:bodyPr lIns="187200">
            <a:normAutofit/>
          </a:bodyPr>
          <a:lstStyle>
            <a:lvl1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4800">
                <a:solidFill>
                  <a:schemeClr val="bg1"/>
                </a:solidFill>
              </a:defRPr>
            </a:lvl2pPr>
            <a:lvl3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3pPr>
            <a:lvl4pPr>
              <a:defRPr sz="6600" b="0">
                <a:solidFill>
                  <a:schemeClr val="tx1"/>
                </a:solidFill>
              </a:defRPr>
            </a:lvl4pPr>
            <a:lvl5pPr>
              <a:defRPr sz="6600" b="0">
                <a:solidFill>
                  <a:schemeClr val="tx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6pPr>
            <a:lvl7pPr>
              <a:defRPr sz="6600" b="0">
                <a:solidFill>
                  <a:schemeClr val="tx1"/>
                </a:solidFill>
              </a:defRPr>
            </a:lvl7pPr>
            <a:lvl8pPr>
              <a:defRPr sz="6600" b="0">
                <a:solidFill>
                  <a:schemeClr val="tx1"/>
                </a:solidFill>
              </a:defRPr>
            </a:lvl8pPr>
            <a:lvl9pPr>
              <a:defRPr sz="6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quote </a:t>
            </a:r>
            <a:br>
              <a:rPr lang="en-GB" dirty="0"/>
            </a:br>
            <a:endParaRPr lang="en-GB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6FEBBFBD-B279-3ADF-2659-FEEB6B009C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84537" y="1670050"/>
            <a:ext cx="2692013" cy="410400"/>
          </a:xfrm>
        </p:spPr>
        <p:txBody>
          <a:bodyPr tIns="144000" bIns="0">
            <a:normAutofit/>
          </a:bodyPr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20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tex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2E116F1-590B-F8F0-97A6-5FC456BE9050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66232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st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92D33812-781A-416C-64C5-2E9BDBBA59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57999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F065CCFB-AEB8-FC9C-7290-5BFE3F24F2EE}"/>
              </a:ext>
            </a:extLst>
          </p:cNvPr>
          <p:cNvSpPr/>
          <p:nvPr userDrawn="1"/>
        </p:nvSpPr>
        <p:spPr bwMode="white">
          <a:xfrm>
            <a:off x="3402151" y="1859681"/>
            <a:ext cx="5600562" cy="852381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4" name="Web">
            <a:extLst>
              <a:ext uri="{FF2B5EF4-FFF2-40B4-BE49-F238E27FC236}">
                <a16:creationId xmlns:a16="http://schemas.microsoft.com/office/drawing/2014/main" id="{559B566B-FF51-B6E9-46D9-4F51291708A7}"/>
              </a:ext>
            </a:extLst>
          </p:cNvPr>
          <p:cNvSpPr txBox="1"/>
          <p:nvPr userDrawn="1"/>
        </p:nvSpPr>
        <p:spPr bwMode="white">
          <a:xfrm>
            <a:off x="3375025" y="4871040"/>
            <a:ext cx="2627313" cy="169277"/>
          </a:xfrm>
          <a:prstGeom prst="rect">
            <a:avLst/>
          </a:prstGeom>
          <a:noFill/>
        </p:spPr>
        <p:txBody>
          <a:bodyPr wrap="square" lIns="72000" tIns="0" rIns="0" bIns="0" rtlCol="0">
            <a:spAutoFit/>
          </a:bodyPr>
          <a:lstStyle/>
          <a:p>
            <a:r>
              <a:rPr lang="en-GB" sz="1100" dirty="0">
                <a:solidFill>
                  <a:schemeClr val="tx1"/>
                </a:solidFill>
              </a:rPr>
              <a:t>Netcompany.com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E7BC7154-1016-99A8-C0CF-7C4527AB66F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3375025" y="3335338"/>
            <a:ext cx="2625725" cy="1174127"/>
          </a:xfrm>
        </p:spPr>
        <p:txBody>
          <a:bodyPr lIns="72000" tIns="144000" bIns="0"/>
          <a:lstStyle>
            <a:lvl1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None/>
              <a:defRPr sz="11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None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None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ontact info</a:t>
            </a:r>
            <a:br>
              <a:rPr lang="en-GB" dirty="0"/>
            </a:br>
            <a:r>
              <a:rPr lang="en-GB" dirty="0"/>
              <a:t>Name</a:t>
            </a:r>
            <a:br>
              <a:rPr lang="en-GB" dirty="0"/>
            </a:br>
            <a:r>
              <a:rPr lang="en-GB" dirty="0"/>
              <a:t>Title</a:t>
            </a:r>
            <a:br>
              <a:rPr lang="en-GB" dirty="0"/>
            </a:br>
            <a:r>
              <a:rPr lang="en-GB" dirty="0"/>
              <a:t>Email</a:t>
            </a:r>
            <a:br>
              <a:rPr lang="en-GB" dirty="0"/>
            </a:br>
            <a:r>
              <a:rPr lang="en-GB" dirty="0"/>
              <a:t>Phon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AA93690-B712-79F0-15AE-DD3CAD0A960E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2007687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two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85739" y="1438275"/>
            <a:ext cx="5816600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5999" y="1438276"/>
            <a:ext cx="5818675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righ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7AD19EA5-3B18-CAB3-5725-B4717126ABC9}"/>
              </a:ext>
            </a:extLst>
          </p:cNvPr>
          <p:cNvSpPr/>
          <p:nvPr userDrawn="1"/>
        </p:nvSpPr>
        <p:spPr>
          <a:xfrm>
            <a:off x="6188074" y="0"/>
            <a:ext cx="6005125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rm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9" name="Grid - green">
            <a:extLst>
              <a:ext uri="{FF2B5EF4-FFF2-40B4-BE49-F238E27FC236}">
                <a16:creationId xmlns:a16="http://schemas.microsoft.com/office/drawing/2014/main" id="{A5369962-7EA9-80F6-F699-6D0DE4C07EF1}"/>
              </a:ext>
            </a:extLst>
          </p:cNvPr>
          <p:cNvSpPr/>
          <p:nvPr userDrawn="1"/>
        </p:nvSpPr>
        <p:spPr>
          <a:xfrm flipH="1">
            <a:off x="6188075" y="0"/>
            <a:ext cx="6005125" cy="6858000"/>
          </a:xfrm>
          <a:custGeom>
            <a:avLst/>
            <a:gdLst>
              <a:gd name="connsiteX0" fmla="*/ 189969 w 6005125"/>
              <a:gd name="connsiteY0" fmla="*/ 0 h 6858000"/>
              <a:gd name="connsiteX1" fmla="*/ 182769 w 6005125"/>
              <a:gd name="connsiteY1" fmla="*/ 0 h 6858000"/>
              <a:gd name="connsiteX2" fmla="*/ 182769 w 6005125"/>
              <a:gd name="connsiteY2" fmla="*/ 183019 h 6858000"/>
              <a:gd name="connsiteX3" fmla="*/ 0 w 6005125"/>
              <a:gd name="connsiteY3" fmla="*/ 183019 h 6858000"/>
              <a:gd name="connsiteX4" fmla="*/ 0 w 6005125"/>
              <a:gd name="connsiteY4" fmla="*/ 190219 h 6858000"/>
              <a:gd name="connsiteX5" fmla="*/ 182769 w 6005125"/>
              <a:gd name="connsiteY5" fmla="*/ 190219 h 6858000"/>
              <a:gd name="connsiteX6" fmla="*/ 182769 w 6005125"/>
              <a:gd name="connsiteY6" fmla="*/ 6667781 h 6858000"/>
              <a:gd name="connsiteX7" fmla="*/ 0 w 6005125"/>
              <a:gd name="connsiteY7" fmla="*/ 6667781 h 6858000"/>
              <a:gd name="connsiteX8" fmla="*/ 0 w 6005125"/>
              <a:gd name="connsiteY8" fmla="*/ 6674981 h 6858000"/>
              <a:gd name="connsiteX9" fmla="*/ 182769 w 6005125"/>
              <a:gd name="connsiteY9" fmla="*/ 6674981 h 6858000"/>
              <a:gd name="connsiteX10" fmla="*/ 182769 w 6005125"/>
              <a:gd name="connsiteY10" fmla="*/ 6858000 h 6858000"/>
              <a:gd name="connsiteX11" fmla="*/ 189969 w 6005125"/>
              <a:gd name="connsiteY11" fmla="*/ 6858000 h 6858000"/>
              <a:gd name="connsiteX12" fmla="*/ 189969 w 6005125"/>
              <a:gd name="connsiteY12" fmla="*/ 6674981 h 6858000"/>
              <a:gd name="connsiteX13" fmla="*/ 6005125 w 6005125"/>
              <a:gd name="connsiteY13" fmla="*/ 6674981 h 6858000"/>
              <a:gd name="connsiteX14" fmla="*/ 6005125 w 6005125"/>
              <a:gd name="connsiteY14" fmla="*/ 6667781 h 6858000"/>
              <a:gd name="connsiteX15" fmla="*/ 189969 w 6005125"/>
              <a:gd name="connsiteY15" fmla="*/ 6667781 h 6858000"/>
              <a:gd name="connsiteX16" fmla="*/ 189969 w 6005125"/>
              <a:gd name="connsiteY16" fmla="*/ 190219 h 6858000"/>
              <a:gd name="connsiteX17" fmla="*/ 6005125 w 6005125"/>
              <a:gd name="connsiteY17" fmla="*/ 190219 h 6858000"/>
              <a:gd name="connsiteX18" fmla="*/ 6005125 w 6005125"/>
              <a:gd name="connsiteY18" fmla="*/ 183019 h 6858000"/>
              <a:gd name="connsiteX19" fmla="*/ 189969 w 6005125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5125" h="6858000">
                <a:moveTo>
                  <a:pt x="189969" y="0"/>
                </a:moveTo>
                <a:lnTo>
                  <a:pt x="182769" y="0"/>
                </a:lnTo>
                <a:lnTo>
                  <a:pt x="182769" y="183019"/>
                </a:lnTo>
                <a:lnTo>
                  <a:pt x="0" y="183019"/>
                </a:lnTo>
                <a:lnTo>
                  <a:pt x="0" y="190219"/>
                </a:lnTo>
                <a:lnTo>
                  <a:pt x="182769" y="190219"/>
                </a:lnTo>
                <a:lnTo>
                  <a:pt x="182769" y="6667781"/>
                </a:lnTo>
                <a:lnTo>
                  <a:pt x="0" y="6667781"/>
                </a:lnTo>
                <a:lnTo>
                  <a:pt x="0" y="6674981"/>
                </a:lnTo>
                <a:lnTo>
                  <a:pt x="182769" y="6674981"/>
                </a:lnTo>
                <a:lnTo>
                  <a:pt x="182769" y="6858000"/>
                </a:lnTo>
                <a:lnTo>
                  <a:pt x="189969" y="6858000"/>
                </a:lnTo>
                <a:lnTo>
                  <a:pt x="189969" y="6674981"/>
                </a:lnTo>
                <a:lnTo>
                  <a:pt x="6005125" y="6674981"/>
                </a:lnTo>
                <a:lnTo>
                  <a:pt x="6005125" y="6667781"/>
                </a:lnTo>
                <a:lnTo>
                  <a:pt x="189969" y="6667781"/>
                </a:lnTo>
                <a:lnTo>
                  <a:pt x="189969" y="190219"/>
                </a:lnTo>
                <a:lnTo>
                  <a:pt x="6005125" y="190219"/>
                </a:lnTo>
                <a:lnTo>
                  <a:pt x="6005125" y="183019"/>
                </a:lnTo>
                <a:lnTo>
                  <a:pt x="189969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85626F37-E63E-10B6-D303-FA948D10A0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85738" y="185737"/>
            <a:ext cx="5816599" cy="9477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7F4DBB5-A82F-1751-7F85-F307A3EEB3D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85738" y="1368000"/>
            <a:ext cx="5818622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6372225" y="185737"/>
            <a:ext cx="5632450" cy="6484938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5641180" y="6474619"/>
            <a:ext cx="358369" cy="19605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5358789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lef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7AD19EA5-3B18-CAB3-5725-B4717126ABC9}"/>
              </a:ext>
            </a:extLst>
          </p:cNvPr>
          <p:cNvSpPr/>
          <p:nvPr userDrawn="1"/>
        </p:nvSpPr>
        <p:spPr>
          <a:xfrm>
            <a:off x="0" y="0"/>
            <a:ext cx="6002338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Grid - green">
            <a:extLst>
              <a:ext uri="{FF2B5EF4-FFF2-40B4-BE49-F238E27FC236}">
                <a16:creationId xmlns:a16="http://schemas.microsoft.com/office/drawing/2014/main" id="{05BF75E0-A427-C0B0-4525-2E35D6CCE6E1}"/>
              </a:ext>
            </a:extLst>
          </p:cNvPr>
          <p:cNvSpPr>
            <a:spLocks/>
          </p:cNvSpPr>
          <p:nvPr userDrawn="1"/>
        </p:nvSpPr>
        <p:spPr>
          <a:xfrm>
            <a:off x="0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2" name="Logo">
            <a:extLst>
              <a:ext uri="{FF2B5EF4-FFF2-40B4-BE49-F238E27FC236}">
                <a16:creationId xmlns:a16="http://schemas.microsoft.com/office/drawing/2014/main" id="{19F4AB5E-E829-B15C-73E8-1CE3DB7AFC28}"/>
              </a:ext>
            </a:extLst>
          </p:cNvPr>
          <p:cNvSpPr/>
          <p:nvPr userDrawn="1"/>
        </p:nvSpPr>
        <p:spPr bwMode="white">
          <a:xfrm>
            <a:off x="6190695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bg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F5C14E4-676F-C93B-99CF-28C01107F7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187263" y="185737"/>
            <a:ext cx="5817412" cy="9477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7F4DBB5-A82F-1751-7F85-F307A3EEB3D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188461" y="1368000"/>
            <a:ext cx="5817413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86123" y="185737"/>
            <a:ext cx="5624127" cy="6484938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4313" y="6474619"/>
            <a:ext cx="360361" cy="19605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4933833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box conten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7AD19EA5-3B18-CAB3-5725-B4717126ABC9}"/>
              </a:ext>
            </a:extLst>
          </p:cNvPr>
          <p:cNvSpPr/>
          <p:nvPr userDrawn="1"/>
        </p:nvSpPr>
        <p:spPr>
          <a:xfrm>
            <a:off x="6188076" y="0"/>
            <a:ext cx="6005124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Grid green">
            <a:extLst>
              <a:ext uri="{FF2B5EF4-FFF2-40B4-BE49-F238E27FC236}">
                <a16:creationId xmlns:a16="http://schemas.microsoft.com/office/drawing/2014/main" id="{2DC3DDB4-A10B-CBD4-72FE-57433D5A497A}"/>
              </a:ext>
            </a:extLst>
          </p:cNvPr>
          <p:cNvSpPr/>
          <p:nvPr userDrawn="1"/>
        </p:nvSpPr>
        <p:spPr>
          <a:xfrm flipH="1">
            <a:off x="6188075" y="0"/>
            <a:ext cx="6005125" cy="6858000"/>
          </a:xfrm>
          <a:custGeom>
            <a:avLst/>
            <a:gdLst>
              <a:gd name="connsiteX0" fmla="*/ 189969 w 6005125"/>
              <a:gd name="connsiteY0" fmla="*/ 0 h 6858000"/>
              <a:gd name="connsiteX1" fmla="*/ 182769 w 6005125"/>
              <a:gd name="connsiteY1" fmla="*/ 0 h 6858000"/>
              <a:gd name="connsiteX2" fmla="*/ 182769 w 6005125"/>
              <a:gd name="connsiteY2" fmla="*/ 183019 h 6858000"/>
              <a:gd name="connsiteX3" fmla="*/ 0 w 6005125"/>
              <a:gd name="connsiteY3" fmla="*/ 183019 h 6858000"/>
              <a:gd name="connsiteX4" fmla="*/ 0 w 6005125"/>
              <a:gd name="connsiteY4" fmla="*/ 190219 h 6858000"/>
              <a:gd name="connsiteX5" fmla="*/ 182769 w 6005125"/>
              <a:gd name="connsiteY5" fmla="*/ 190219 h 6858000"/>
              <a:gd name="connsiteX6" fmla="*/ 182769 w 6005125"/>
              <a:gd name="connsiteY6" fmla="*/ 6667781 h 6858000"/>
              <a:gd name="connsiteX7" fmla="*/ 0 w 6005125"/>
              <a:gd name="connsiteY7" fmla="*/ 6667781 h 6858000"/>
              <a:gd name="connsiteX8" fmla="*/ 0 w 6005125"/>
              <a:gd name="connsiteY8" fmla="*/ 6674981 h 6858000"/>
              <a:gd name="connsiteX9" fmla="*/ 182769 w 6005125"/>
              <a:gd name="connsiteY9" fmla="*/ 6674981 h 6858000"/>
              <a:gd name="connsiteX10" fmla="*/ 182769 w 6005125"/>
              <a:gd name="connsiteY10" fmla="*/ 6858000 h 6858000"/>
              <a:gd name="connsiteX11" fmla="*/ 189969 w 6005125"/>
              <a:gd name="connsiteY11" fmla="*/ 6858000 h 6858000"/>
              <a:gd name="connsiteX12" fmla="*/ 189969 w 6005125"/>
              <a:gd name="connsiteY12" fmla="*/ 6674981 h 6858000"/>
              <a:gd name="connsiteX13" fmla="*/ 6005125 w 6005125"/>
              <a:gd name="connsiteY13" fmla="*/ 6674981 h 6858000"/>
              <a:gd name="connsiteX14" fmla="*/ 6005125 w 6005125"/>
              <a:gd name="connsiteY14" fmla="*/ 6667781 h 6858000"/>
              <a:gd name="connsiteX15" fmla="*/ 189969 w 6005125"/>
              <a:gd name="connsiteY15" fmla="*/ 6667781 h 6858000"/>
              <a:gd name="connsiteX16" fmla="*/ 189969 w 6005125"/>
              <a:gd name="connsiteY16" fmla="*/ 190219 h 6858000"/>
              <a:gd name="connsiteX17" fmla="*/ 6005125 w 6005125"/>
              <a:gd name="connsiteY17" fmla="*/ 190219 h 6858000"/>
              <a:gd name="connsiteX18" fmla="*/ 6005125 w 6005125"/>
              <a:gd name="connsiteY18" fmla="*/ 183019 h 6858000"/>
              <a:gd name="connsiteX19" fmla="*/ 189969 w 6005125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5125" h="6858000">
                <a:moveTo>
                  <a:pt x="189969" y="0"/>
                </a:moveTo>
                <a:lnTo>
                  <a:pt x="182769" y="0"/>
                </a:lnTo>
                <a:lnTo>
                  <a:pt x="182769" y="183019"/>
                </a:lnTo>
                <a:lnTo>
                  <a:pt x="0" y="183019"/>
                </a:lnTo>
                <a:lnTo>
                  <a:pt x="0" y="190219"/>
                </a:lnTo>
                <a:lnTo>
                  <a:pt x="182769" y="190219"/>
                </a:lnTo>
                <a:lnTo>
                  <a:pt x="182769" y="6667781"/>
                </a:lnTo>
                <a:lnTo>
                  <a:pt x="0" y="6667781"/>
                </a:lnTo>
                <a:lnTo>
                  <a:pt x="0" y="6674981"/>
                </a:lnTo>
                <a:lnTo>
                  <a:pt x="182769" y="6674981"/>
                </a:lnTo>
                <a:lnTo>
                  <a:pt x="182769" y="6858000"/>
                </a:lnTo>
                <a:lnTo>
                  <a:pt x="189969" y="6858000"/>
                </a:lnTo>
                <a:lnTo>
                  <a:pt x="189969" y="6674981"/>
                </a:lnTo>
                <a:lnTo>
                  <a:pt x="6005125" y="6674981"/>
                </a:lnTo>
                <a:lnTo>
                  <a:pt x="6005125" y="6667781"/>
                </a:lnTo>
                <a:lnTo>
                  <a:pt x="189969" y="6667781"/>
                </a:lnTo>
                <a:lnTo>
                  <a:pt x="189969" y="190219"/>
                </a:lnTo>
                <a:lnTo>
                  <a:pt x="6005125" y="190219"/>
                </a:lnTo>
                <a:lnTo>
                  <a:pt x="6005125" y="183019"/>
                </a:lnTo>
                <a:lnTo>
                  <a:pt x="189969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01CCEB3-1D0B-669D-8181-0D3BF86155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85739" y="185737"/>
            <a:ext cx="5816600" cy="9477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7F4DBB5-A82F-1751-7F85-F307A3EEB3D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85738" y="1368000"/>
            <a:ext cx="5816600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FB2F7DF0-7CEA-D5D7-EE66-722C15338EE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6394450" y="317499"/>
            <a:ext cx="5607818" cy="335901"/>
          </a:xfrm>
        </p:spPr>
        <p:txBody>
          <a:bodyPr bIns="0"/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6394449" y="831850"/>
            <a:ext cx="5610225" cy="2153946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AC0B7F01-E700-66EC-81E4-B7DF2C2ABDA4}"/>
              </a:ext>
            </a:extLst>
          </p:cNvPr>
          <p:cNvSpPr>
            <a:spLocks noGrp="1"/>
          </p:cNvSpPr>
          <p:nvPr>
            <p:ph type="subTitle" idx="15" hasCustomPrompt="1"/>
          </p:nvPr>
        </p:nvSpPr>
        <p:spPr bwMode="white">
          <a:xfrm>
            <a:off x="6394450" y="3496323"/>
            <a:ext cx="5607818" cy="335901"/>
          </a:xfrm>
        </p:spPr>
        <p:txBody>
          <a:bodyPr bIns="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232FE8B0-AB22-0C4F-82D8-41548313399E}"/>
              </a:ext>
            </a:extLst>
          </p:cNvPr>
          <p:cNvSpPr>
            <a:spLocks noGrp="1"/>
          </p:cNvSpPr>
          <p:nvPr>
            <p:ph idx="14" hasCustomPrompt="1"/>
          </p:nvPr>
        </p:nvSpPr>
        <p:spPr bwMode="white">
          <a:xfrm>
            <a:off x="6394446" y="4004258"/>
            <a:ext cx="5610225" cy="2153946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5636419" y="6474619"/>
            <a:ext cx="359818" cy="19605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38257245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DA955002-5CC8-78D7-1221-1E18EE113287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870D0240-BC1C-E7A5-31DE-C88F22D656E2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DC33930D-A458-B500-4F1A-8B28FBC71D9D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insert picture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69A03C6D-D961-5A25-CAC1-746F6F44134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/>
                <a:t>Click on icon and select image 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4A62FEEF-B7E4-546E-1D4B-E245158BD8D8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D46252E9-7B31-5A10-F5A9-0941688F6B06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Once you have inserted image, right click on it and select option </a:t>
              </a:r>
              <a:br>
                <a:rPr lang="en-GB" sz="1200" b="0" dirty="0"/>
              </a:br>
              <a:r>
                <a:rPr lang="en-GB" sz="1200" b="1" dirty="0"/>
                <a:t>Send to Back</a:t>
              </a:r>
              <a:endParaRPr lang="en-GB" sz="1200" b="0" dirty="0"/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9B4C055B-774F-5F78-24C2-3CA6D1EBB98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change picture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9E5F8DDC-94AB-5A81-A99B-11C7C0B4E2A0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Click on the frame of slide and select picture</a:t>
              </a:r>
              <a:br>
                <a:rPr lang="en-GB" sz="1200" b="0" dirty="0"/>
              </a:br>
              <a:br>
                <a:rPr lang="en-GB" sz="1200" b="0" dirty="0"/>
              </a:br>
              <a:r>
                <a:rPr lang="en-GB" sz="1200" b="0" dirty="0"/>
                <a:t>Once you have selected image right click on it and select option</a:t>
              </a:r>
              <a:br>
                <a:rPr lang="en-GB" sz="1200" b="0" dirty="0"/>
              </a:br>
              <a:r>
                <a:rPr lang="en-GB" sz="1200" b="1" dirty="0"/>
                <a:t>Change picture</a:t>
              </a:r>
              <a:endParaRPr lang="en-GB" sz="1200" b="0" dirty="0"/>
            </a:p>
          </p:txBody>
        </p:sp>
        <p:pic>
          <p:nvPicPr>
            <p:cNvPr id="24" name="Picture 23">
              <a:extLst>
                <a:ext uri="{FF2B5EF4-FFF2-40B4-BE49-F238E27FC236}">
                  <a16:creationId xmlns:a16="http://schemas.microsoft.com/office/drawing/2014/main" id="{6F859BF7-A512-E240-79A7-BDBB5119165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7" name="Grid - freeform">
            <a:extLst>
              <a:ext uri="{FF2B5EF4-FFF2-40B4-BE49-F238E27FC236}">
                <a16:creationId xmlns:a16="http://schemas.microsoft.com/office/drawing/2014/main" id="{B444B149-BB8E-BFF1-390C-3977CB42094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 flipH="1">
            <a:off x="6189662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4D2505F-FCED-3FF0-1A82-D58A1C318D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85738" y="185737"/>
            <a:ext cx="5818188" cy="94773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85739" y="1368000"/>
            <a:ext cx="5820058" cy="45684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641180" y="6474619"/>
            <a:ext cx="361157" cy="196056"/>
          </a:xfr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085B930F-F28B-87EF-0702-70797890FAB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88075" y="0"/>
            <a:ext cx="6003925" cy="68580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894361CA-03BC-4AB9-F896-1620741457C5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994B05AD-274B-CE3F-FCA5-B5570D7E6817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3E120558-9782-8DD5-5988-3938639647AD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insert picture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8D4B5719-5EEA-3010-F877-72949F638528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/>
                <a:t>Click on icon and select image </a:t>
              </a:r>
            </a:p>
          </p:txBody>
        </p: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D536D86F-F069-8970-8128-DD7F743E709A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561D3B9B-79D8-38AA-80AE-518ACCD6D23F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Once you have inserted image, right click on it and select option </a:t>
              </a:r>
              <a:br>
                <a:rPr lang="en-GB" sz="1200" b="0" dirty="0"/>
              </a:br>
              <a:r>
                <a:rPr lang="en-GB" sz="1200" b="1" dirty="0"/>
                <a:t>Send to Back</a:t>
              </a:r>
              <a:endParaRPr lang="en-GB" sz="1200" b="0" dirty="0"/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C1C34F95-49DA-6878-C556-32B4633B2D3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change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D677E6DC-9FB7-FB48-5B9E-74044B04FC46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Click on the frame of slide and select picture</a:t>
              </a:r>
              <a:br>
                <a:rPr lang="en-GB" sz="1200" b="0" dirty="0"/>
              </a:br>
              <a:br>
                <a:rPr lang="en-GB" sz="1200" b="0" dirty="0"/>
              </a:br>
              <a:r>
                <a:rPr lang="en-GB" sz="1200" b="0" dirty="0"/>
                <a:t>Once you have selected image right click on it and select option</a:t>
              </a:r>
              <a:br>
                <a:rPr lang="en-GB" sz="1200" b="0" dirty="0"/>
              </a:br>
              <a:r>
                <a:rPr lang="en-GB" sz="1200" b="1" dirty="0"/>
                <a:t>Change picture</a:t>
              </a:r>
              <a:endParaRPr lang="en-GB" sz="1200" b="0" dirty="0"/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9604CF77-8966-45D3-7D8E-9B77E4061EE9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13" name="Grid - freeform">
            <a:extLst>
              <a:ext uri="{FF2B5EF4-FFF2-40B4-BE49-F238E27FC236}">
                <a16:creationId xmlns:a16="http://schemas.microsoft.com/office/drawing/2014/main" id="{CC31F8C7-5256-2C8F-D2FD-E4E589CA2B3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0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Logo">
            <a:extLst>
              <a:ext uri="{FF2B5EF4-FFF2-40B4-BE49-F238E27FC236}">
                <a16:creationId xmlns:a16="http://schemas.microsoft.com/office/drawing/2014/main" id="{3F4F7A62-D167-563D-A71E-F19BD0104C35}"/>
              </a:ext>
            </a:extLst>
          </p:cNvPr>
          <p:cNvSpPr/>
          <p:nvPr userDrawn="1"/>
        </p:nvSpPr>
        <p:spPr bwMode="white">
          <a:xfrm>
            <a:off x="6190695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8A3FE55-2F3B-924D-F7C1-54AE6C0CC47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188075" y="185737"/>
            <a:ext cx="5816600" cy="94773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88211" y="1368000"/>
            <a:ext cx="5816464" cy="45684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637168" y="6474619"/>
            <a:ext cx="359333" cy="196056"/>
          </a:xfr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561F121D-AFB1-9F62-CADD-8DDB2A1EFCE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02338" cy="68580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186269770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Grid">
            <a:extLst>
              <a:ext uri="{FF2B5EF4-FFF2-40B4-BE49-F238E27FC236}">
                <a16:creationId xmlns:a16="http://schemas.microsoft.com/office/drawing/2014/main" id="{785B307A-AB45-058D-4FCF-F6CA8E8CC324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5738" y="185737"/>
            <a:ext cx="11818937" cy="94773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85738" y="1438275"/>
            <a:ext cx="11818937" cy="456247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Bullet level 1 Coral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Body</a:t>
            </a:r>
          </a:p>
          <a:p>
            <a:pPr lvl="4"/>
            <a:r>
              <a:rPr lang="en-GB" noProof="0" dirty="0"/>
              <a:t>Level 5, Header</a:t>
            </a:r>
          </a:p>
          <a:p>
            <a:pPr lvl="5"/>
            <a:r>
              <a:rPr lang="en-GB" noProof="0" dirty="0"/>
              <a:t>Level 6, Body</a:t>
            </a:r>
          </a:p>
          <a:p>
            <a:pPr lvl="6"/>
            <a:r>
              <a:rPr lang="en-GB" noProof="0" dirty="0"/>
              <a:t>Level 7, Small Text</a:t>
            </a:r>
          </a:p>
          <a:p>
            <a:pPr lvl="7"/>
            <a:r>
              <a:rPr lang="en-GB" noProof="0" dirty="0"/>
              <a:t>Level 8, Headline</a:t>
            </a:r>
          </a:p>
          <a:p>
            <a:pPr lvl="8"/>
            <a:r>
              <a:rPr lang="en-GB" noProof="0" dirty="0"/>
              <a:t>Level 9, Headline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44314" y="6474619"/>
            <a:ext cx="360360" cy="196056"/>
          </a:xfrm>
          <a:prstGeom prst="rect">
            <a:avLst/>
          </a:prstGeom>
        </p:spPr>
        <p:txBody>
          <a:bodyPr vert="horz" lIns="0" tIns="252000" rIns="0" bIns="0" rtlCol="0" anchor="b" anchorCtr="0"/>
          <a:lstStyle>
            <a:lvl1pPr algn="r">
              <a:defRPr sz="11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1AAB2BF0-A651-AD5C-42CC-145B1AD52D70}"/>
              </a:ext>
            </a:extLst>
          </p:cNvPr>
          <p:cNvSpPr/>
          <p:nvPr userDrawn="1"/>
        </p:nvSpPr>
        <p:spPr>
          <a:xfrm>
            <a:off x="190800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rgbClr val="141E1E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7" r:id="rId1"/>
    <p:sldLayoutId id="2147483732" r:id="rId2"/>
    <p:sldLayoutId id="2147483821" r:id="rId3"/>
    <p:sldLayoutId id="2147483755" r:id="rId4"/>
    <p:sldLayoutId id="2147483798" r:id="rId5"/>
    <p:sldLayoutId id="2147483799" r:id="rId6"/>
    <p:sldLayoutId id="2147483801" r:id="rId7"/>
    <p:sldLayoutId id="2147483757" r:id="rId8"/>
    <p:sldLayoutId id="2147483800" r:id="rId9"/>
    <p:sldLayoutId id="2147483822" r:id="rId10"/>
    <p:sldLayoutId id="2147483823" r:id="rId11"/>
    <p:sldLayoutId id="2147483794" r:id="rId12"/>
    <p:sldLayoutId id="2147483795" r:id="rId13"/>
    <p:sldLayoutId id="2147483828" r:id="rId14"/>
    <p:sldLayoutId id="2147483809" r:id="rId15"/>
    <p:sldLayoutId id="2147483824" r:id="rId16"/>
    <p:sldLayoutId id="2147483808" r:id="rId17"/>
    <p:sldLayoutId id="2147483812" r:id="rId18"/>
    <p:sldLayoutId id="2147483813" r:id="rId19"/>
    <p:sldLayoutId id="2147483830" r:id="rId20"/>
    <p:sldLayoutId id="2147483803" r:id="rId21"/>
    <p:sldLayoutId id="2147483802" r:id="rId22"/>
    <p:sldLayoutId id="2147483826" r:id="rId23"/>
    <p:sldLayoutId id="2147483807" r:id="rId24"/>
    <p:sldLayoutId id="2147483806" r:id="rId25"/>
    <p:sldLayoutId id="2147483827" r:id="rId26"/>
    <p:sldLayoutId id="2147483831" r:id="rId27"/>
    <p:sldLayoutId id="2147483772" r:id="rId28"/>
    <p:sldLayoutId id="2147483743" r:id="rId29"/>
    <p:sldLayoutId id="2147483744" r:id="rId30"/>
    <p:sldLayoutId id="2147483815" r:id="rId31"/>
    <p:sldLayoutId id="2147483816" r:id="rId32"/>
    <p:sldLayoutId id="2147483817" r:id="rId33"/>
    <p:sldLayoutId id="2147483765" r:id="rId34"/>
    <p:sldLayoutId id="2147483829" r:id="rId35"/>
    <p:sldLayoutId id="2147483814" r:id="rId36"/>
    <p:sldLayoutId id="2147483818" r:id="rId37"/>
  </p:sldLayoutIdLst>
  <p:hf hdr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3300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5"/>
        </a:buClr>
        <a:buSzPct val="70000"/>
        <a:buFont typeface="Wingdings" panose="05000000000000000000" pitchFamily="2" charset="2"/>
        <a:buChar char="n"/>
        <a:defRPr sz="1800" kern="1200" spc="0" baseline="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tx1"/>
        </a:buClr>
        <a:buSzPct val="70000"/>
        <a:buFont typeface="Wingdings" panose="05000000000000000000" pitchFamily="2" charset="2"/>
        <a:buChar char="n"/>
        <a:defRPr sz="1800" kern="1200" spc="0" baseline="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tx1"/>
        </a:buClr>
        <a:buSzPct val="70000"/>
        <a:buFont typeface="Wingdings" panose="05000000000000000000" pitchFamily="2" charset="2"/>
        <a:buChar char="n"/>
        <a:defRPr sz="1800" kern="1200" spc="0" baseline="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8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2200" b="0" kern="1200" spc="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8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tabLst/>
        <a:defRPr sz="2200" b="1" kern="1200" spc="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500" kern="1200" spc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0" kern="1200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4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3300" kern="1200" spc="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400" kern="1200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17" userDrawn="1">
          <p15:clr>
            <a:srgbClr val="A4A3A4"/>
          </p15:clr>
        </p15:guide>
        <p15:guide id="2" pos="1890" userDrawn="1">
          <p15:clr>
            <a:srgbClr val="A4A3A4"/>
          </p15:clr>
        </p15:guide>
        <p15:guide id="3" orient="horz" pos="117" userDrawn="1">
          <p15:clr>
            <a:srgbClr val="A4A3A4"/>
          </p15:clr>
        </p15:guide>
        <p15:guide id="4" orient="horz" pos="4202" userDrawn="1">
          <p15:clr>
            <a:srgbClr val="A4A3A4"/>
          </p15:clr>
        </p15:guide>
        <p15:guide id="5" pos="2008" userDrawn="1">
          <p15:clr>
            <a:srgbClr val="A4A3A4"/>
          </p15:clr>
        </p15:guide>
        <p15:guide id="6" pos="3781" userDrawn="1">
          <p15:clr>
            <a:srgbClr val="A4A3A4"/>
          </p15:clr>
        </p15:guide>
        <p15:guide id="7" pos="3898" userDrawn="1">
          <p15:clr>
            <a:srgbClr val="A4A3A4"/>
          </p15:clr>
        </p15:guide>
        <p15:guide id="8" pos="5671" userDrawn="1">
          <p15:clr>
            <a:srgbClr val="A4A3A4"/>
          </p15:clr>
        </p15:guide>
        <p15:guide id="9" pos="5789" userDrawn="1">
          <p15:clr>
            <a:srgbClr val="A4A3A4"/>
          </p15:clr>
        </p15:guide>
        <p15:guide id="10" pos="7562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20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59.xml"/><Relationship Id="rId1" Type="http://schemas.openxmlformats.org/officeDocument/2006/relationships/customXml" Target="../../customXml/item41.xml"/><Relationship Id="rId4" Type="http://schemas.openxmlformats.org/officeDocument/2006/relationships/notesSlide" Target="../notesSlides/notesSlide1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7.xml"/><Relationship Id="rId6" Type="http://schemas.openxmlformats.org/officeDocument/2006/relationships/image" Target="../media/image21.png"/><Relationship Id="rId5" Type="http://schemas.openxmlformats.org/officeDocument/2006/relationships/image" Target="../media/image20.png"/><Relationship Id="rId4" Type="http://schemas.openxmlformats.org/officeDocument/2006/relationships/notesSlide" Target="../notesSlides/notesSlide1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22.xml"/><Relationship Id="rId5" Type="http://schemas.openxmlformats.org/officeDocument/2006/relationships/image" Target="../media/image22.png"/><Relationship Id="rId4" Type="http://schemas.openxmlformats.org/officeDocument/2006/relationships/notesSlide" Target="../notesSlides/notesSlide1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71.xml"/><Relationship Id="rId1" Type="http://schemas.openxmlformats.org/officeDocument/2006/relationships/customXml" Target="../../customXml/item50.xml"/><Relationship Id="rId4" Type="http://schemas.openxmlformats.org/officeDocument/2006/relationships/notesSlide" Target="../notesSlides/notesSlide1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91.xml"/><Relationship Id="rId5" Type="http://schemas.openxmlformats.org/officeDocument/2006/relationships/image" Target="../media/image23.png"/><Relationship Id="rId4" Type="http://schemas.openxmlformats.org/officeDocument/2006/relationships/notesSlide" Target="../notesSlides/notesSlide1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32.xml"/><Relationship Id="rId5" Type="http://schemas.openxmlformats.org/officeDocument/2006/relationships/image" Target="../media/image24.png"/><Relationship Id="rId4" Type="http://schemas.openxmlformats.org/officeDocument/2006/relationships/notesSlide" Target="../notesSlides/notesSlide1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2.xml"/><Relationship Id="rId1" Type="http://schemas.openxmlformats.org/officeDocument/2006/relationships/customXml" Target="../../customXml/item68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notesSlide" Target="../notesSlides/notesSlide1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29.png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notesSlide" Target="../notesSlides/notesSlide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3.xml"/><Relationship Id="rId1" Type="http://schemas.openxmlformats.org/officeDocument/2006/relationships/customXml" Target="../../customXml/item42.xml"/><Relationship Id="rId5" Type="http://schemas.openxmlformats.org/officeDocument/2006/relationships/image" Target="../media/image30.png"/><Relationship Id="rId4" Type="http://schemas.openxmlformats.org/officeDocument/2006/relationships/notesSlide" Target="../notesSlides/notesSlide18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87.xml"/><Relationship Id="rId4" Type="http://schemas.openxmlformats.org/officeDocument/2006/relationships/notesSlide" Target="../notesSlides/notesSlide1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76.xml"/><Relationship Id="rId1" Type="http://schemas.openxmlformats.org/officeDocument/2006/relationships/customXml" Target="../../customXml/item54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2.png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31.png"/><Relationship Id="rId5" Type="http://schemas.openxmlformats.org/officeDocument/2006/relationships/hyperlink" Target="https://github.com/joffrey-bion/fx-gson" TargetMode="External"/><Relationship Id="rId4" Type="http://schemas.openxmlformats.org/officeDocument/2006/relationships/notesSlide" Target="../notesSlides/notesSlide20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78.xml"/><Relationship Id="rId1" Type="http://schemas.openxmlformats.org/officeDocument/2006/relationships/customXml" Target="../../customXml/item60.xml"/><Relationship Id="rId4" Type="http://schemas.openxmlformats.org/officeDocument/2006/relationships/notesSlide" Target="../notesSlides/notesSlide21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5.xml"/><Relationship Id="rId5" Type="http://schemas.openxmlformats.org/officeDocument/2006/relationships/hyperlink" Target="https://docs.oracle.com/javafx/2/threads/jfxpub-threads.htm" TargetMode="External"/><Relationship Id="rId4" Type="http://schemas.openxmlformats.org/officeDocument/2006/relationships/notesSlide" Target="../notesSlides/notesSlide2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33.xml"/><Relationship Id="rId4" Type="http://schemas.openxmlformats.org/officeDocument/2006/relationships/notesSlide" Target="../notesSlides/notesSlide2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2.xml"/><Relationship Id="rId1" Type="http://schemas.openxmlformats.org/officeDocument/2006/relationships/customXml" Target="../../customXml/item72.xml"/><Relationship Id="rId4" Type="http://schemas.openxmlformats.org/officeDocument/2006/relationships/notesSlide" Target="../notesSlides/notesSlide24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5.png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34.png"/><Relationship Id="rId5" Type="http://schemas.openxmlformats.org/officeDocument/2006/relationships/image" Target="../media/image33.png"/><Relationship Id="rId4" Type="http://schemas.openxmlformats.org/officeDocument/2006/relationships/notesSlide" Target="../notesSlides/notesSlide25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69.xml"/><Relationship Id="rId1" Type="http://schemas.openxmlformats.org/officeDocument/2006/relationships/customXml" Target="../../customXml/item52.xml"/><Relationship Id="rId4" Type="http://schemas.openxmlformats.org/officeDocument/2006/relationships/notesSlide" Target="../notesSlides/notesSlide2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83.xml"/><Relationship Id="rId4" Type="http://schemas.openxmlformats.org/officeDocument/2006/relationships/notesSlide" Target="../notesSlides/notesSlide27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6.png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25.xml"/><Relationship Id="rId6" Type="http://schemas.openxmlformats.org/officeDocument/2006/relationships/hyperlink" Target="https://eugener.github.io/javafx-css/" TargetMode="External"/><Relationship Id="rId5" Type="http://schemas.openxmlformats.org/officeDocument/2006/relationships/hyperlink" Target="https://docs.oracle.com/javafx/2/api/javafx/scene/doc-files/cssref.html" TargetMode="External"/><Relationship Id="rId4" Type="http://schemas.openxmlformats.org/officeDocument/2006/relationships/notesSlide" Target="../notesSlides/notesSlide28.xml"/></Relationships>
</file>

<file path=ppt/slides/_rels/slide29.xml.rels><?xml version="1.0" encoding="UTF-8" standalone="yes"?>
<Relationships xmlns="http://schemas.openxmlformats.org/package/2006/relationships"><Relationship Id="rId8" Type="http://schemas.openxmlformats.org/officeDocument/2006/relationships/image" Target="../media/image40.jpe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9.jpeg"/><Relationship Id="rId2" Type="http://schemas.openxmlformats.org/officeDocument/2006/relationships/customXml" Target="../../customXml/item88.xml"/><Relationship Id="rId1" Type="http://schemas.openxmlformats.org/officeDocument/2006/relationships/customXml" Target="../../customXml/item64.xml"/><Relationship Id="rId6" Type="http://schemas.openxmlformats.org/officeDocument/2006/relationships/image" Target="../media/image38.jpeg"/><Relationship Id="rId5" Type="http://schemas.openxmlformats.org/officeDocument/2006/relationships/image" Target="../media/image37.jpeg"/><Relationship Id="rId4" Type="http://schemas.openxmlformats.org/officeDocument/2006/relationships/notesSlide" Target="../notesSlides/notesSlide29.xml"/><Relationship Id="rId9" Type="http://schemas.openxmlformats.org/officeDocument/2006/relationships/image" Target="../media/image41.jpe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0.png"/><Relationship Id="rId2" Type="http://schemas.openxmlformats.org/officeDocument/2006/relationships/customXml" Target="../../customXml/item90.xml"/><Relationship Id="rId1" Type="http://schemas.openxmlformats.org/officeDocument/2006/relationships/customXml" Target="../../customXml/item70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notesSlide" Target="../notesSlides/notesSlide3.xml"/><Relationship Id="rId9" Type="http://schemas.openxmlformats.org/officeDocument/2006/relationships/image" Target="../media/image12.png"/></Relationships>
</file>

<file path=ppt/slides/_rels/slide30.xml.rels><?xml version="1.0" encoding="UTF-8" standalone="yes"?>
<Relationships xmlns="http://schemas.openxmlformats.org/package/2006/relationships"><Relationship Id="rId3" Type="http://schemas.microsoft.com/office/2007/relationships/media" Target="../media/media1.mkv"/><Relationship Id="rId7" Type="http://schemas.openxmlformats.org/officeDocument/2006/relationships/image" Target="../media/image42.png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6.xml"/><Relationship Id="rId6" Type="http://schemas.openxmlformats.org/officeDocument/2006/relationships/notesSlide" Target="../notesSlides/notesSlide30.xml"/><Relationship Id="rId5" Type="http://schemas.openxmlformats.org/officeDocument/2006/relationships/slideLayout" Target="../slideLayouts/slideLayout1.xml"/><Relationship Id="rId4" Type="http://schemas.openxmlformats.org/officeDocument/2006/relationships/video" Target="../media/media1.mkv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44.xml"/><Relationship Id="rId4" Type="http://schemas.openxmlformats.org/officeDocument/2006/relationships/notesSlide" Target="../notesSlides/notesSlide31.xml"/></Relationships>
</file>

<file path=ppt/slides/_rels/slide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4.pn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43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79.xml"/><Relationship Id="rId6" Type="http://schemas.openxmlformats.org/officeDocument/2006/relationships/hyperlink" Target="https://openjfx.io/" TargetMode="External"/><Relationship Id="rId5" Type="http://schemas.openxmlformats.org/officeDocument/2006/relationships/hyperlink" Target="https://gluonhq.com/products/gluonfx/" TargetMode="External"/><Relationship Id="rId4" Type="http://schemas.openxmlformats.org/officeDocument/2006/relationships/notesSlide" Target="../notesSlides/notesSlide32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16.xml"/><Relationship Id="rId4" Type="http://schemas.openxmlformats.org/officeDocument/2006/relationships/notesSlide" Target="../notesSlides/notesSlide3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3.xml"/><Relationship Id="rId1" Type="http://schemas.openxmlformats.org/officeDocument/2006/relationships/customXml" Target="../../customXml/item56.xml"/><Relationship Id="rId6" Type="http://schemas.openxmlformats.org/officeDocument/2006/relationships/hyperlink" Target="file:///C:\Users\pawg\OneDrive%20-%20Netcompany\Documents\JavaFX\common-problems-for-beginners-deepseek.html" TargetMode="External"/><Relationship Id="rId5" Type="http://schemas.openxmlformats.org/officeDocument/2006/relationships/hyperlink" Target="file:///C:\Users\pawg\OneDrive%20-%20Netcompany\Documents\JavaFX\commons-problems-for-beginners-cortex.html" TargetMode="External"/><Relationship Id="rId4" Type="http://schemas.openxmlformats.org/officeDocument/2006/relationships/notesSlide" Target="../notesSlides/notesSlide34.xml"/></Relationships>
</file>

<file path=ppt/slides/_rels/slide35.xml.rels><?xml version="1.0" encoding="UTF-8" standalone="yes"?>
<Relationships xmlns="http://schemas.openxmlformats.org/package/2006/relationships"><Relationship Id="rId8" Type="http://schemas.openxmlformats.org/officeDocument/2006/relationships/hyperlink" Target="https://docs.oracle.com/javafx/2/threads/jfxpub-threads.htm" TargetMode="External"/><Relationship Id="rId13" Type="http://schemas.openxmlformats.org/officeDocument/2006/relationships/hyperlink" Target="https://github.com/TestFX/TestFX" TargetMode="External"/><Relationship Id="rId18" Type="http://schemas.openxmlformats.org/officeDocument/2006/relationships/hyperlink" Target="https://dzone.com/articles/20-examples-of-using-javas-completablefuture" TargetMode="External"/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gluonhq.com/" TargetMode="External"/><Relationship Id="rId12" Type="http://schemas.openxmlformats.org/officeDocument/2006/relationships/hyperlink" Target="https://dzone.com/articles/the-bean-class-for-javafx-programming" TargetMode="External"/><Relationship Id="rId17" Type="http://schemas.openxmlformats.org/officeDocument/2006/relationships/hyperlink" Target="https://www.jpro.one/" TargetMode="External"/><Relationship Id="rId2" Type="http://schemas.openxmlformats.org/officeDocument/2006/relationships/customXml" Target="../../customXml/item17.xml"/><Relationship Id="rId16" Type="http://schemas.openxmlformats.org/officeDocument/2006/relationships/hyperlink" Target="https://www.tutorialspoint.com/javafx/index.htm" TargetMode="External"/><Relationship Id="rId20" Type="http://schemas.openxmlformats.org/officeDocument/2006/relationships/hyperlink" Target="https://dzone.com/articles/exception-handling-in-java-completablefuture" TargetMode="External"/><Relationship Id="rId1" Type="http://schemas.openxmlformats.org/officeDocument/2006/relationships/customXml" Target="../../customXml/item93.xml"/><Relationship Id="rId6" Type="http://schemas.openxmlformats.org/officeDocument/2006/relationships/hyperlink" Target="https://openjfx.io/#community" TargetMode="External"/><Relationship Id="rId11" Type="http://schemas.openxmlformats.org/officeDocument/2006/relationships/hyperlink" Target="https://docs.oracle.com/javase/8/javase-clienttechnologies.htm" TargetMode="External"/><Relationship Id="rId5" Type="http://schemas.openxmlformats.org/officeDocument/2006/relationships/hyperlink" Target="https://docs.oracle.com/javase/8/javafx/get-started-tutorial/get_start_apps.htm" TargetMode="External"/><Relationship Id="rId15" Type="http://schemas.openxmlformats.org/officeDocument/2006/relationships/hyperlink" Target="https://controlsfx.github.io/" TargetMode="External"/><Relationship Id="rId10" Type="http://schemas.openxmlformats.org/officeDocument/2006/relationships/hyperlink" Target="https://docs.oracle.com/javase/8/javafx/properties-binding-tutorial/binding.htm" TargetMode="External"/><Relationship Id="rId19" Type="http://schemas.openxmlformats.org/officeDocument/2006/relationships/hyperlink" Target="https://dzone.com/articles/java-8-definitive-guide" TargetMode="External"/><Relationship Id="rId4" Type="http://schemas.openxmlformats.org/officeDocument/2006/relationships/notesSlide" Target="../notesSlides/notesSlide35.xml"/><Relationship Id="rId9" Type="http://schemas.openxmlformats.org/officeDocument/2006/relationships/hyperlink" Target="https://docs.oracle.com/javafx/2/binding/jfxpub-binding.htm" TargetMode="External"/><Relationship Id="rId14" Type="http://schemas.openxmlformats.org/officeDocument/2006/relationships/hyperlink" Target="https://mkpaz.github.io/atlantafx/" TargetMode="Externa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35.xml"/><Relationship Id="rId4" Type="http://schemas.openxmlformats.org/officeDocument/2006/relationships/notesSlide" Target="../notesSlides/notesSlide36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84.xml"/><Relationship Id="rId1" Type="http://schemas.openxmlformats.org/officeDocument/2006/relationships/customXml" Target="../../customXml/item74.xml"/><Relationship Id="rId4" Type="http://schemas.openxmlformats.org/officeDocument/2006/relationships/notesSlide" Target="../notesSlides/notesSlide37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4.xml"/><Relationship Id="rId1" Type="http://schemas.openxmlformats.org/officeDocument/2006/relationships/customXml" Target="../../customXml/item95.xml"/><Relationship Id="rId6" Type="http://schemas.openxmlformats.org/officeDocument/2006/relationships/image" Target="../media/image46.png"/><Relationship Id="rId5" Type="http://schemas.openxmlformats.org/officeDocument/2006/relationships/image" Target="../media/image45.png"/><Relationship Id="rId4" Type="http://schemas.openxmlformats.org/officeDocument/2006/relationships/notesSlide" Target="../notesSlides/notesSlide38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3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4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8.xml"/><Relationship Id="rId1" Type="http://schemas.openxmlformats.org/officeDocument/2006/relationships/customXml" Target="../../customXml/item99.xml"/><Relationship Id="rId4" Type="http://schemas.openxmlformats.org/officeDocument/2006/relationships/notesSlide" Target="../notesSlides/notesSlide40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0.xml"/><Relationship Id="rId1" Type="http://schemas.openxmlformats.org/officeDocument/2006/relationships/customXml" Target="../../customXml/item101.xml"/><Relationship Id="rId4" Type="http://schemas.openxmlformats.org/officeDocument/2006/relationships/notesSlide" Target="../notesSlides/notesSlide41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6.xml"/><Relationship Id="rId1" Type="http://schemas.openxmlformats.org/officeDocument/2006/relationships/customXml" Target="../../customXml/item97.xml"/><Relationship Id="rId4" Type="http://schemas.openxmlformats.org/officeDocument/2006/relationships/notesSlide" Target="../notesSlides/notesSlide42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47.xml"/><Relationship Id="rId5" Type="http://schemas.openxmlformats.org/officeDocument/2006/relationships/image" Target="../media/image47.png"/><Relationship Id="rId4" Type="http://schemas.openxmlformats.org/officeDocument/2006/relationships/notesSlide" Target="../notesSlides/notesSlide43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9.xml"/><Relationship Id="rId4" Type="http://schemas.openxmlformats.org/officeDocument/2006/relationships/notesSlide" Target="../notesSlides/notesSlide44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6.xml"/><Relationship Id="rId1" Type="http://schemas.openxmlformats.org/officeDocument/2006/relationships/customXml" Target="../../customXml/item107.xml"/><Relationship Id="rId5" Type="http://schemas.openxmlformats.org/officeDocument/2006/relationships/image" Target="../media/image48.png"/><Relationship Id="rId4" Type="http://schemas.openxmlformats.org/officeDocument/2006/relationships/notesSlide" Target="../notesSlides/notesSlide45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28.xml"/><Relationship Id="rId4" Type="http://schemas.openxmlformats.org/officeDocument/2006/relationships/notesSlide" Target="../notesSlides/notesSlide46.xml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51.png"/><Relationship Id="rId2" Type="http://schemas.openxmlformats.org/officeDocument/2006/relationships/customXml" Target="../../customXml/item104.xml"/><Relationship Id="rId1" Type="http://schemas.openxmlformats.org/officeDocument/2006/relationships/customXml" Target="../../customXml/item105.xml"/><Relationship Id="rId6" Type="http://schemas.openxmlformats.org/officeDocument/2006/relationships/image" Target="../media/image50.png"/><Relationship Id="rId5" Type="http://schemas.openxmlformats.org/officeDocument/2006/relationships/image" Target="../media/image49.png"/><Relationship Id="rId4" Type="http://schemas.openxmlformats.org/officeDocument/2006/relationships/notesSlide" Target="../notesSlides/notesSlide47.xml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0.xml"/><Relationship Id="rId1" Type="http://schemas.openxmlformats.org/officeDocument/2006/relationships/customXml" Target="../../customXml/item66.xml"/><Relationship Id="rId4" Type="http://schemas.openxmlformats.org/officeDocument/2006/relationships/notesSlide" Target="../notesSlides/notesSlide48.xml"/></Relationships>
</file>

<file path=ppt/slides/_rels/slide49.xml.rels><?xml version="1.0" encoding="UTF-8" standalone="yes"?>
<Relationships xmlns="http://schemas.openxmlformats.org/package/2006/relationships"><Relationship Id="rId8" Type="http://schemas.openxmlformats.org/officeDocument/2006/relationships/image" Target="../media/image55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54.png"/><Relationship Id="rId2" Type="http://schemas.openxmlformats.org/officeDocument/2006/relationships/customXml" Target="../../customXml/item102.xml"/><Relationship Id="rId1" Type="http://schemas.openxmlformats.org/officeDocument/2006/relationships/customXml" Target="../../customXml/item103.xml"/><Relationship Id="rId6" Type="http://schemas.openxmlformats.org/officeDocument/2006/relationships/image" Target="../media/image53.png"/><Relationship Id="rId5" Type="http://schemas.openxmlformats.org/officeDocument/2006/relationships/image" Target="../media/image52.png"/><Relationship Id="rId4" Type="http://schemas.openxmlformats.org/officeDocument/2006/relationships/notesSlide" Target="../notesSlides/notesSlide4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7.xml"/><Relationship Id="rId1" Type="http://schemas.openxmlformats.org/officeDocument/2006/relationships/customXml" Target="../../customXml/item49.xml"/><Relationship Id="rId4" Type="http://schemas.openxmlformats.org/officeDocument/2006/relationships/notesSlide" Target="../notesSlides/notesSlide5.xml"/></Relationships>
</file>

<file path=ppt/slides/_rels/slide5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dzone.com/articles/exception-handling-in-java-completablefuture" TargetMode="Externa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85.xml"/><Relationship Id="rId6" Type="http://schemas.openxmlformats.org/officeDocument/2006/relationships/hyperlink" Target="https://dzone.com/articles/java-8-definitive-guide" TargetMode="External"/><Relationship Id="rId5" Type="http://schemas.openxmlformats.org/officeDocument/2006/relationships/hyperlink" Target="https://dzone.com/articles/20-examples-of-using-javas-completablefuture" TargetMode="External"/><Relationship Id="rId4" Type="http://schemas.openxmlformats.org/officeDocument/2006/relationships/notesSlide" Target="../notesSlides/notesSlide50.xml"/></Relationships>
</file>

<file path=ppt/slides/_rels/slide5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9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58.png"/><Relationship Id="rId2" Type="http://schemas.openxmlformats.org/officeDocument/2006/relationships/customXml" Target="../../customXml/item108.xml"/><Relationship Id="rId1" Type="http://schemas.openxmlformats.org/officeDocument/2006/relationships/customXml" Target="../../customXml/item109.xml"/><Relationship Id="rId6" Type="http://schemas.openxmlformats.org/officeDocument/2006/relationships/image" Target="../media/image57.png"/><Relationship Id="rId5" Type="http://schemas.openxmlformats.org/officeDocument/2006/relationships/image" Target="../media/image56.png"/><Relationship Id="rId4" Type="http://schemas.openxmlformats.org/officeDocument/2006/relationships/notesSlide" Target="../notesSlides/notesSlide51.xml"/></Relationships>
</file>

<file path=ppt/slides/_rels/slide5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7.xml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38.xml"/><Relationship Id="rId4" Type="http://schemas.openxmlformats.org/officeDocument/2006/relationships/notesSlide" Target="../notesSlides/notesSlide5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81.xml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30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86.xml"/><Relationship Id="rId1" Type="http://schemas.openxmlformats.org/officeDocument/2006/relationships/customXml" Target="../../customXml/item62.xml"/><Relationship Id="rId5" Type="http://schemas.openxmlformats.org/officeDocument/2006/relationships/image" Target="../media/image16.png"/><Relationship Id="rId4" Type="http://schemas.openxmlformats.org/officeDocument/2006/relationships/notesSlide" Target="../notesSlides/notesSlide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9.png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C583BC1-11AB-F347-57F1-9247C47F49C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JavaFX in Action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A000531-C148-22AE-45FA-C7FB04DCA23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GB" dirty="0"/>
              <a:t>2025-05-07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B0A3AF0-C07B-2D08-5786-1B15A52948BF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r>
              <a:rPr lang="en-GB" dirty="0"/>
              <a:t>Paweł Gawędzki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D9B366D-1157-B4A1-D399-F7F82D280F7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GB" dirty="0"/>
              <a:t>After Dark Bites &amp; Byt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41905459"/>
      </p:ext>
    </p:extLst>
  </p:cSld>
  <p:clrMapOvr>
    <a:masterClrMapping/>
  </p:clrMapOvr>
  <p:transition spd="slow">
    <p:push dir="u"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1BB953-54A9-AC04-8929-C920C0AF43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C7EDFFE-C666-FA7E-D501-9CB1A34BB3A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5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/>
              <a:t>FXML -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–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6FF8365-5140-693B-6BAB-F007784C73C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0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79158866"/>
      </p:ext>
    </p:extLst>
  </p:cSld>
  <p:clrMapOvr>
    <a:masterClrMapping/>
  </p:clrMapOvr>
  <p:transition spd="slow">
    <p:push dir="u"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D031FD8-A16B-F064-E43D-22D70F1290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5BEC61C7-154A-0B36-8980-AECADE5041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FXM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F7AA756-0CF5-34BA-8A7D-18447F040F6B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How can one define a form?</a:t>
            </a:r>
          </a:p>
          <a:p>
            <a:pPr lvl="1"/>
            <a:r>
              <a:rPr lang="en-GB" dirty="0"/>
              <a:t>Programmatically</a:t>
            </a:r>
          </a:p>
          <a:p>
            <a:pPr lvl="1"/>
            <a:r>
              <a:rPr lang="en-GB" dirty="0"/>
              <a:t>FXML forma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FD4FF3E-432C-7358-3974-DA1345A978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035AFDA-E441-CC4A-A512-0A7558C8ED2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642956" y="36269"/>
            <a:ext cx="8256907" cy="678546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B269CF64-6FF8-37A8-D35B-A9776B6C8AA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38147" y="1720819"/>
            <a:ext cx="8466527" cy="4949856"/>
          </a:xfrm>
          <a:prstGeom prst="rect">
            <a:avLst/>
          </a:prstGeom>
          <a:ln w="28575">
            <a:solidFill>
              <a:srgbClr val="00B0F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7752709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500"/>
                            </p:stCondLst>
                            <p:childTnLst>
                              <p:par>
                                <p:cTn id="2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17C2CB-C030-595E-D6CF-9E6915F4FC7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DB63E0B-EA8D-9E95-7DEA-BCF964DFF2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cene Builder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D3B0024-A5DE-2E75-098E-79B3D475E8F2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C’mon? XMLs? Seriously?!!</a:t>
            </a:r>
          </a:p>
          <a:p>
            <a:r>
              <a:rPr lang="en-GB" dirty="0"/>
              <a:t>Scene Builder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BC94F57-7D6F-7202-3342-DFA3FFFD6E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AFC8BE6-04ED-A7D1-6097-5E7FB786DE7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963554" y="490888"/>
            <a:ext cx="10199571" cy="614534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07666767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8B3976-9E06-2B86-0FF3-AFF6D04261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CE48C74-EB1C-0DC7-B3DC-4F25322866C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2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-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Window – Stage – Scene – Controls</a:t>
            </a:r>
          </a:p>
          <a:p>
            <a:r>
              <a:rPr lang="en-GB" sz="2800" dirty="0"/>
              <a:t>Events -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614FAC0-3CB7-EFDE-8649-7B53A210DB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6740677"/>
      </p:ext>
    </p:extLst>
  </p:cSld>
  <p:clrMapOvr>
    <a:masterClrMapping/>
  </p:clrMapOvr>
  <p:transition spd="slow">
    <p:push dir="u"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C451DB-0B51-B447-4ED7-2C6D56C7849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D57517A-E361-E661-232C-19A9A1AC53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vent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00C6A75-072B-2EFF-4422-98B0F9FA6584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Event is an outcome of an action.</a:t>
            </a:r>
          </a:p>
          <a:p>
            <a:r>
              <a:rPr lang="en-GB" dirty="0"/>
              <a:t>Action can be (pressing, clicking, scrolling, rotating, touching, dragging …).</a:t>
            </a:r>
          </a:p>
          <a:p>
            <a:r>
              <a:rPr lang="en-GB" dirty="0"/>
              <a:t>Event types (mouse, key, drag, window).</a:t>
            </a:r>
          </a:p>
          <a:p>
            <a:endParaRPr lang="en-GB" dirty="0"/>
          </a:p>
          <a:p>
            <a:r>
              <a:rPr lang="en-GB" dirty="0"/>
              <a:t>Pulse </a:t>
            </a:r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s an event that indicates to the JavaFX scene graph that it’s time to synchronize the state of the elements on the scene graph with Prism</a:t>
            </a:r>
            <a:endParaRPr lang="en-GB" b="0" i="0" dirty="0">
              <a:solidFill>
                <a:srgbClr val="222222"/>
              </a:solidFill>
              <a:effectLst/>
              <a:latin typeface="Arial" panose="020B0604020202020204" pitchFamily="34" charset="0"/>
            </a:endParaRP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s throttled at 60 frames per second (fps) maximum</a:t>
            </a:r>
            <a:endParaRPr lang="en-GB" dirty="0">
              <a:solidFill>
                <a:srgbClr val="222222"/>
              </a:solidFill>
              <a:latin typeface="Arial" panose="020B0604020202020204" pitchFamily="34" charset="0"/>
            </a:endParaRP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fired whenever animations are running on the scene graph</a:t>
            </a: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s scheduled when something in the scene graph is changed</a:t>
            </a: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Glass Windowing Toolkit is responsible for executing the pulse events</a:t>
            </a:r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FEDCF9-25DF-2EB2-BA8F-A83310F980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4</a:t>
            </a:fld>
            <a:endParaRPr lang="en-GB" dirty="0"/>
          </a:p>
        </p:txBody>
      </p: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DBCD154D-A4B4-F489-D58C-136B6DBBFC10}"/>
              </a:ext>
            </a:extLst>
          </p:cNvPr>
          <p:cNvGraphicFramePr>
            <a:graphicFrameLocks noGrp="1"/>
          </p:cNvGraphicFramePr>
          <p:nvPr/>
        </p:nvGraphicFramePr>
        <p:xfrm>
          <a:off x="4064001" y="63371"/>
          <a:ext cx="8127999" cy="672592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2709333">
                  <a:extLst>
                    <a:ext uri="{9D8B030D-6E8A-4147-A177-3AD203B41FA5}">
                      <a16:colId xmlns:a16="http://schemas.microsoft.com/office/drawing/2014/main" val="628953205"/>
                    </a:ext>
                  </a:extLst>
                </a:gridCol>
                <a:gridCol w="2252971">
                  <a:extLst>
                    <a:ext uri="{9D8B030D-6E8A-4147-A177-3AD203B41FA5}">
                      <a16:colId xmlns:a16="http://schemas.microsoft.com/office/drawing/2014/main" val="4052896558"/>
                    </a:ext>
                  </a:extLst>
                </a:gridCol>
                <a:gridCol w="3165695">
                  <a:extLst>
                    <a:ext uri="{9D8B030D-6E8A-4147-A177-3AD203B41FA5}">
                      <a16:colId xmlns:a16="http://schemas.microsoft.com/office/drawing/2014/main" val="671337468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200" b="1" dirty="0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User Action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 dirty="0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Event Type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 dirty="0" err="1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EventHandler</a:t>
                      </a:r>
                      <a:r>
                        <a:rPr lang="en-US" sz="1200" b="1" dirty="0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 Properties</a:t>
                      </a: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9200682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Pressing, releasing, or typing a key on keyboard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Key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Keypres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KeyRelea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KeyTyp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54344095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Moving, Clicking, or dragging the mouse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Mouse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Click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Mov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Pres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Releas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Enter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Exit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7569658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Pressing, Dragging, and Releasing of the mouse button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MouseDrag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Dragg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DragEnter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DragExi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Dragg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DragOver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DragReleas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2128785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Generating, Changing, Removing or Committing input from an alternate method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InputMethod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onInputMethodTextChang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74295720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Performing Drag and Drop actions supported by the platform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Drag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DragDetec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Done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Dropp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DragEnter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Exi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Over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9304835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Scrolling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Scroll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Scroll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crollStar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crollFinish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7243334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Rotating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Rotate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Rotate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RotationFinish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RotationStart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91525176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Swiping an object upwards, downwards, to the right and lef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Swipe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SwipeUP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wipeDown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SwipeLeft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wipeRigh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5801489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Touching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Touch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TouchMov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TouchRelea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TouchStationary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6767370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Zooming on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Zoom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Zoom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ZoomStar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ZoomFinish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8913716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Requesting Context Menu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ContextMenu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onContextMenuRequest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35160351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Pressing a button, showing or hiding a combo box, selecting a menu item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Action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16077861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Editing an item.</a:t>
                      </a:r>
                    </a:p>
                  </a:txBody>
                  <a:tcPr marL="76200" marR="76200" marT="76200" marB="76200" anchor="ctr"/>
                </a:tc>
                <a:tc gridSpan="2"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ListView.EditEvent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TableColumn.CellEditEvent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TreeView.Edit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 hMerge="1">
                  <a:txBody>
                    <a:bodyPr/>
                    <a:lstStyle/>
                    <a:p>
                      <a:pPr algn="l"/>
                      <a:endParaRPr lang="en-US" sz="1100" dirty="0">
                        <a:effectLst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91490010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Encountering an error in a media player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MediaError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96317096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dirty="0">
                          <a:effectLst/>
                          <a:latin typeface="+mn-lt"/>
                        </a:rPr>
                        <a:t>Showing or Hiding Menu, Hiding a pop-up window, Selecting or Closing a Tab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50349352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Showing, Minimizing, or Closing a Window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Window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085600143"/>
                  </a:ext>
                </a:extLst>
              </a:tr>
            </a:tbl>
          </a:graphicData>
        </a:graphic>
      </p:graphicFrame>
      <p:pic>
        <p:nvPicPr>
          <p:cNvPr id="13" name="Picture 12">
            <a:extLst>
              <a:ext uri="{FF2B5EF4-FFF2-40B4-BE49-F238E27FC236}">
                <a16:creationId xmlns:a16="http://schemas.microsoft.com/office/drawing/2014/main" id="{87546043-6513-FD22-510C-C90CA2D570A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8768" y="5377947"/>
            <a:ext cx="12107909" cy="111727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265138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5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1000"/>
                            </p:stCondLst>
                            <p:childTnLst>
                              <p:par>
                                <p:cTn id="2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1500"/>
                            </p:stCondLst>
                            <p:childTnLst>
                              <p:par>
                                <p:cTn id="3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3" fill="hold">
                            <p:stCondLst>
                              <p:cond delay="2000"/>
                            </p:stCondLst>
                            <p:childTnLst>
                              <p:par>
                                <p:cTn id="3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1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2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BF6E5D1-DEC9-5A0B-D48C-87F189C8A09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CEA8DF4-2396-F198-32A1-15C024C81F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vent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4667D51-C42E-2C50-5540-AA9B15793B47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D1BF2C3-ACC7-1080-BB5B-7613587155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18D94D6-6B5D-DEB3-B1BE-84F54A58B67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0771" y="515199"/>
            <a:ext cx="10921766" cy="633317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4309949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4A43969-A6FD-1386-9173-0328DE8F42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CDE44FC-71C7-659D-DA3C-04B42CBA33B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ertie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6CF7F25-9970-A878-5E8B-5EA95B3067D9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Property model - JavaBeans component architecture.</a:t>
            </a:r>
          </a:p>
          <a:p>
            <a:r>
              <a:rPr lang="en-US" dirty="0"/>
              <a:t>Properties of a bean are the things you can change that affect internal state or its appearance.</a:t>
            </a:r>
          </a:p>
          <a:p>
            <a:r>
              <a:rPr lang="en-US" dirty="0"/>
              <a:t>A </a:t>
            </a:r>
            <a:r>
              <a:rPr lang="en-US" i="1" dirty="0"/>
              <a:t>bound</a:t>
            </a:r>
            <a:r>
              <a:rPr lang="en-US" dirty="0"/>
              <a:t> property notifies listeners when its value changes.</a:t>
            </a:r>
          </a:p>
          <a:p>
            <a:r>
              <a:rPr lang="en-US" dirty="0"/>
              <a:t>Constrained property – veto listeners stops the change.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EA3D27D-22CC-4F2F-A0EF-5DE8CF3E74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3B4DA5BB-612D-E97B-BBD9-8D59039B356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5738" y="3076167"/>
            <a:ext cx="2578530" cy="844297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AD41279E-437A-ADE8-272F-8EA4032F5BD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7833" y="3076167"/>
            <a:ext cx="6249272" cy="292458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2465549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24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29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92E6F3-1100-077C-9002-22AFE44AD6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537F007D-5C4A-2F34-E974-A063859372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istener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023F443-04DE-26C8-792D-1B1153578797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US" dirty="0"/>
              <a:t>Properties are the things you can change that affect its appearance or internal state.</a:t>
            </a:r>
            <a:endParaRPr lang="en-GB" dirty="0"/>
          </a:p>
          <a:p>
            <a:r>
              <a:rPr lang="en-GB" dirty="0"/>
              <a:t>Properties implement Observable and </a:t>
            </a:r>
            <a:r>
              <a:rPr lang="en-GB" dirty="0" err="1"/>
              <a:t>ObservableValue</a:t>
            </a:r>
            <a:r>
              <a:rPr lang="en-GB" dirty="0"/>
              <a:t> interfaces.</a:t>
            </a:r>
          </a:p>
          <a:p>
            <a:r>
              <a:rPr lang="en-GB" dirty="0"/>
              <a:t>Add a listener to a property.</a:t>
            </a:r>
          </a:p>
          <a:p>
            <a:r>
              <a:rPr lang="en-GB" dirty="0"/>
              <a:t>When property changes, listener is executed.</a:t>
            </a:r>
          </a:p>
          <a:p>
            <a:r>
              <a:rPr lang="en-GB" i="1" dirty="0" err="1"/>
              <a:t>InvalidationListener</a:t>
            </a:r>
            <a:r>
              <a:rPr lang="en-GB" i="1" dirty="0"/>
              <a:t> </a:t>
            </a:r>
            <a:r>
              <a:rPr lang="en-GB" dirty="0"/>
              <a:t>and </a:t>
            </a:r>
            <a:r>
              <a:rPr lang="en-GB" i="1" dirty="0" err="1"/>
              <a:t>ChangeListener</a:t>
            </a:r>
            <a:endParaRPr lang="en-GB" i="1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C989FAA-C1B2-2098-EC4C-AE791E9E9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4C28083-2738-AB7E-E6E7-4051DD705D8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5738" y="4461875"/>
            <a:ext cx="11145805" cy="139084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8AF49077-5164-7E40-6EF3-47034525B11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348980" y="1721902"/>
            <a:ext cx="6744641" cy="114316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74B117C0-8D00-CF93-4ECD-A1D0B8A0C8D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85738" y="2887889"/>
            <a:ext cx="8106906" cy="155279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182233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2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2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3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6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376DE2-FBF9-0963-FB0D-B7AF09C4A7D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0782E7D-44AB-15F1-041D-D082D0C380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erties - Listener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02D798F-CFA6-6601-43DC-0DD132B54136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AD7EB6E-EF74-F24B-6DB5-F527CADC29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DEDE1A5-DBB5-16AA-59A6-11302BDC0D6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5875" y="603514"/>
            <a:ext cx="12004674" cy="609487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4995860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B81ED5-D2DE-3B0A-C829-E3D653EEF35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192E7B-0B1D-034A-E508-B8BD354A6A1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2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Window – Stage – Scene – Control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/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  <a:endParaRPr lang="en-GB" sz="2800" dirty="0"/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A8619E1-E75A-3DCE-E4DC-698EF34B968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9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9790014"/>
      </p:ext>
    </p:extLst>
  </p:cSld>
  <p:clrMapOvr>
    <a:masterClrMapping/>
  </p:clrMapOvr>
  <p:transition spd="slow">
    <p:push dir="u"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60EBBEB-B3C4-5E66-74FE-68AAF2B937E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1"/>
            <a:ext cx="9030491" cy="5420118"/>
          </a:xfrm>
        </p:spPr>
        <p:txBody>
          <a:bodyPr/>
          <a:lstStyle/>
          <a:p>
            <a:r>
              <a:rPr lang="en-GB" sz="2800" dirty="0"/>
              <a:t>What is JavaFX?</a:t>
            </a:r>
          </a:p>
          <a:p>
            <a:r>
              <a:rPr lang="en-GB" sz="2800" dirty="0"/>
              <a:t>Architecture</a:t>
            </a:r>
          </a:p>
          <a:p>
            <a:r>
              <a:rPr lang="en-GB" sz="2800" dirty="0"/>
              <a:t>FXML - Scene Builder</a:t>
            </a:r>
          </a:p>
          <a:p>
            <a:r>
              <a:rPr lang="en-GB" sz="2800" dirty="0"/>
              <a:t>Events - Properties - Listeners</a:t>
            </a:r>
          </a:p>
          <a:p>
            <a:r>
              <a:rPr lang="en-GB" sz="2800" dirty="0"/>
              <a:t>Property binding</a:t>
            </a:r>
          </a:p>
          <a:p>
            <a:r>
              <a:rPr lang="en-GB" sz="2800" dirty="0"/>
              <a:t>Background processing</a:t>
            </a:r>
          </a:p>
          <a:p>
            <a:r>
              <a:rPr lang="en-GB" sz="2800" dirty="0"/>
              <a:t>CSS – Transformation – Animation</a:t>
            </a:r>
          </a:p>
          <a:p>
            <a:r>
              <a:rPr lang="en-GB" sz="2800" dirty="0"/>
              <a:t>Frameworks</a:t>
            </a:r>
          </a:p>
          <a:p>
            <a:r>
              <a:rPr lang="en-GB" sz="2800" dirty="0"/>
              <a:t>Action &amp; Q &amp; A</a:t>
            </a:r>
          </a:p>
          <a:p>
            <a:r>
              <a:rPr lang="en-GB" sz="2800" dirty="0"/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2E431AE-2BAD-E5EF-45E2-0BBB55DECA0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53102291"/>
      </p:ext>
    </p:extLst>
  </p:cSld>
  <p:clrMapOvr>
    <a:masterClrMapping/>
  </p:clrMapOvr>
  <p:transition spd="slow">
    <p:push dir="u"/>
  </p:transition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7305F6-6396-D491-CD8C-A2CFC8465F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AD9DA9D-27E1-17D9-2D3F-B1A8BEA2A7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erty binding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070DE70-EB3B-016E-8F1A-4909C1CC7E96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Very handy when changes in UI should be reflected in business logic.</a:t>
            </a:r>
          </a:p>
          <a:p>
            <a:r>
              <a:rPr lang="en-GB" dirty="0"/>
              <a:t>High-Level Binding API</a:t>
            </a:r>
          </a:p>
          <a:p>
            <a:r>
              <a:rPr lang="en-GB" dirty="0"/>
              <a:t>Low-Level Binding API</a:t>
            </a:r>
          </a:p>
          <a:p>
            <a:r>
              <a:rPr lang="en-GB" dirty="0"/>
              <a:t>Uni- and bi-directional binding</a:t>
            </a:r>
          </a:p>
          <a:p>
            <a:pPr lvl="1"/>
            <a:r>
              <a:rPr lang="en-GB" dirty="0"/>
              <a:t>Unidirectional -&gt; </a:t>
            </a:r>
            <a:r>
              <a:rPr lang="en-GB" i="1" dirty="0" err="1"/>
              <a:t>label.textProperty</a:t>
            </a:r>
            <a:r>
              <a:rPr lang="en-GB" i="1" dirty="0"/>
              <a:t>().bind(</a:t>
            </a:r>
            <a:r>
              <a:rPr lang="en-GB" i="1" dirty="0" err="1"/>
              <a:t>textField.textProperty</a:t>
            </a:r>
            <a:r>
              <a:rPr lang="en-GB" i="1" dirty="0"/>
              <a:t>())</a:t>
            </a:r>
            <a:r>
              <a:rPr lang="en-GB" dirty="0"/>
              <a:t> </a:t>
            </a:r>
          </a:p>
          <a:p>
            <a:pPr lvl="1"/>
            <a:r>
              <a:rPr lang="en-GB" dirty="0"/>
              <a:t>Bidirectional -&gt;  </a:t>
            </a:r>
            <a:r>
              <a:rPr lang="en-GB" i="1" dirty="0" err="1"/>
              <a:t>textField.textProperty</a:t>
            </a:r>
            <a:r>
              <a:rPr lang="en-GB" i="1" dirty="0"/>
              <a:t>().</a:t>
            </a:r>
            <a:r>
              <a:rPr lang="en-GB" i="1" dirty="0" err="1"/>
              <a:t>bindBidirectional</a:t>
            </a:r>
            <a:r>
              <a:rPr lang="en-GB" i="1" dirty="0"/>
              <a:t>(</a:t>
            </a:r>
            <a:r>
              <a:rPr lang="en-GB" i="1" dirty="0" err="1"/>
              <a:t>bean.nameProperty</a:t>
            </a:r>
            <a:r>
              <a:rPr lang="en-GB" i="1" dirty="0"/>
              <a:t>())</a:t>
            </a:r>
          </a:p>
          <a:p>
            <a:r>
              <a:rPr lang="en-GB" dirty="0"/>
              <a:t>Additional mapping activity is need when persisting data (or earlier)</a:t>
            </a:r>
          </a:p>
          <a:p>
            <a:pPr lvl="1"/>
            <a:r>
              <a:rPr lang="en-GB" dirty="0" err="1"/>
              <a:t>Gson</a:t>
            </a:r>
            <a:r>
              <a:rPr lang="en-GB" dirty="0"/>
              <a:t> a custom </a:t>
            </a:r>
            <a:r>
              <a:rPr lang="en-GB" dirty="0" err="1"/>
              <a:t>TypeAdapter</a:t>
            </a:r>
            <a:endParaRPr lang="en-GB" dirty="0"/>
          </a:p>
          <a:p>
            <a:pPr lvl="1"/>
            <a:r>
              <a:rPr lang="en-GB" dirty="0"/>
              <a:t>Use FX </a:t>
            </a:r>
            <a:r>
              <a:rPr lang="en-GB" dirty="0" err="1"/>
              <a:t>Gson</a:t>
            </a:r>
            <a:r>
              <a:rPr lang="en-GB" dirty="0"/>
              <a:t> (</a:t>
            </a:r>
            <a:r>
              <a:rPr lang="en-GB" dirty="0">
                <a:hlinkClick r:id="rId5"/>
              </a:rPr>
              <a:t>https://github.com/joffrey-bion/fx-gson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@Entity have not tried ye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2955BD1-AF5D-70B8-9A52-8BA4CC3DCC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89A2336-05C5-A102-65D2-387DE3666DF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015951" y="5471142"/>
            <a:ext cx="6296904" cy="30484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1231DB9-D82B-F129-D25E-4CA660DE539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015951" y="5967162"/>
            <a:ext cx="6154009" cy="45726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5333059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2500"/>
                            </p:stCondLst>
                            <p:childTnLst>
                              <p:par>
                                <p:cTn id="2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8" fill="hold">
                            <p:stCondLst>
                              <p:cond delay="3000"/>
                            </p:stCondLst>
                            <p:childTnLst>
                              <p:par>
                                <p:cTn id="2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3500"/>
                            </p:stCondLst>
                            <p:childTnLst>
                              <p:par>
                                <p:cTn id="3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6" fill="hold">
                            <p:stCondLst>
                              <p:cond delay="4000"/>
                            </p:stCondLst>
                            <p:childTnLst>
                              <p:par>
                                <p:cTn id="3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4500"/>
                            </p:stCondLst>
                            <p:childTnLst>
                              <p:par>
                                <p:cTn id="4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4" fill="hold">
                            <p:stCondLst>
                              <p:cond delay="5000"/>
                            </p:stCondLst>
                            <p:childTnLst>
                              <p:par>
                                <p:cTn id="45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9" fill="hold">
                            <p:stCondLst>
                              <p:cond delay="5500"/>
                            </p:stCondLst>
                            <p:childTnLst>
                              <p:par>
                                <p:cTn id="50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2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3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605237-F71F-5F45-506B-105BD21A69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56B9F6C-5D29-A146-0E67-25A1D8585CC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4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Window – Stage – Scene – Control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/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5F512E0-35DD-610C-C424-66AEFBFC083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0795800"/>
      </p:ext>
    </p:extLst>
  </p:cSld>
  <p:clrMapOvr>
    <a:masterClrMapping/>
  </p:clrMapOvr>
  <p:transition spd="slow">
    <p:push dir="u"/>
  </p:transition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70DE33-FF69-3D04-DCEE-2C3354A1711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F9DFF3D-2EA7-5C78-84DA-4721521FC4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8034500-2FD6-CD00-278A-DA8525FC0FBA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 fontScale="92500" lnSpcReduction="10000"/>
          </a:bodyPr>
          <a:lstStyle/>
          <a:p>
            <a:r>
              <a:rPr lang="en-US" dirty="0"/>
              <a:t>Scene graph - is not thread-safe.</a:t>
            </a:r>
          </a:p>
          <a:p>
            <a:r>
              <a:rPr lang="en-US" dirty="0"/>
              <a:t>Scene graph can only be accessed and modified from the JavaFX Application thread.</a:t>
            </a:r>
          </a:p>
          <a:p>
            <a:r>
              <a:rPr lang="en-US" dirty="0"/>
              <a:t>At the system level,</a:t>
            </a:r>
            <a:r>
              <a:rPr lang="en-US" b="1" dirty="0"/>
              <a:t> </a:t>
            </a:r>
            <a:r>
              <a:rPr lang="en-US" dirty="0"/>
              <a:t>the JVM creates separate threads for running and rendering the application.</a:t>
            </a:r>
          </a:p>
          <a:p>
            <a:pPr lvl="1"/>
            <a:r>
              <a:rPr lang="en-US" dirty="0"/>
              <a:t>Application thread – a primary thread of any JavaFX application. All the live nodes and components are attached to this thread.</a:t>
            </a:r>
            <a:endParaRPr lang="en-US" i="1" dirty="0"/>
          </a:p>
          <a:p>
            <a:pPr lvl="1"/>
            <a:r>
              <a:rPr lang="en-US" i="1" dirty="0"/>
              <a:t>Prism </a:t>
            </a:r>
            <a:r>
              <a:rPr lang="en-US" dirty="0"/>
              <a:t>render thread – responsible for rendering the </a:t>
            </a:r>
            <a:r>
              <a:rPr lang="en-US" i="1" dirty="0"/>
              <a:t>Scene Graph</a:t>
            </a:r>
            <a:r>
              <a:rPr lang="en-US" dirty="0"/>
              <a:t> separately.</a:t>
            </a:r>
          </a:p>
          <a:p>
            <a:pPr lvl="1"/>
            <a:r>
              <a:rPr lang="en-US" dirty="0"/>
              <a:t>Media thread - runs in the background and synchronizes the latest frames through the scene graph by using the JavaFX application thread.</a:t>
            </a:r>
          </a:p>
          <a:p>
            <a:r>
              <a:rPr lang="en-US" dirty="0"/>
              <a:t>Long-running tasks on the JavaFX Application thread inevitably make an application UI unresponsive. </a:t>
            </a:r>
          </a:p>
          <a:p>
            <a:r>
              <a:rPr lang="en-US" dirty="0"/>
              <a:t>A best practice is to do long-running tasks on one or more background threads and let the JavaFX Application thread process user events.</a:t>
            </a:r>
          </a:p>
          <a:p>
            <a:r>
              <a:rPr lang="en-US" dirty="0"/>
              <a:t>Create </a:t>
            </a:r>
            <a:r>
              <a:rPr lang="en-US" i="1" dirty="0"/>
              <a:t>Runnable</a:t>
            </a:r>
            <a:r>
              <a:rPr lang="en-US" dirty="0"/>
              <a:t> (or </a:t>
            </a:r>
            <a:r>
              <a:rPr lang="en-US" i="1" dirty="0"/>
              <a:t>Callable</a:t>
            </a:r>
            <a:r>
              <a:rPr lang="en-US" dirty="0"/>
              <a:t>) and run it in a new thread.</a:t>
            </a:r>
          </a:p>
          <a:p>
            <a:pPr lvl="1"/>
            <a:r>
              <a:rPr lang="en-US" dirty="0"/>
              <a:t>More flexibility, but is error-prone.</a:t>
            </a:r>
          </a:p>
          <a:p>
            <a:pPr lvl="1"/>
            <a:r>
              <a:rPr lang="en-US" dirty="0"/>
              <a:t>Use </a:t>
            </a:r>
            <a:r>
              <a:rPr lang="en-US" i="1" dirty="0" err="1"/>
              <a:t>javafx.concurrent</a:t>
            </a:r>
            <a:r>
              <a:rPr lang="en-US" dirty="0"/>
              <a:t> package, which takes care of multithreaded code that interacts with the UI and ensures that this interaction happens on the correct thread.</a:t>
            </a:r>
          </a:p>
          <a:p>
            <a:pPr lvl="1"/>
            <a:r>
              <a:rPr lang="en-GB" dirty="0">
                <a:hlinkClick r:id="rId5"/>
              </a:rPr>
              <a:t>https://docs.oracle.com/javafx/2/threads/jfxpub-threads.htm</a:t>
            </a:r>
            <a:r>
              <a:rPr lang="en-US" dirty="0"/>
              <a:t> 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28CB48A-5FE0-6774-504D-C6CF33AB7E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165805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500"/>
                            </p:stCondLst>
                            <p:childTnLst>
                              <p:par>
                                <p:cTn id="1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2" fill="hold">
                            <p:stCondLst>
                              <p:cond delay="1000"/>
                            </p:stCondLst>
                            <p:childTnLst>
                              <p:par>
                                <p:cTn id="2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1500"/>
                            </p:stCondLst>
                            <p:childTnLst>
                              <p:par>
                                <p:cTn id="2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5" fill="hold">
                            <p:stCondLst>
                              <p:cond delay="500"/>
                            </p:stCondLst>
                            <p:childTnLst>
                              <p:par>
                                <p:cTn id="4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9" fill="hold">
                            <p:stCondLst>
                              <p:cond delay="1000"/>
                            </p:stCondLst>
                            <p:childTnLst>
                              <p:par>
                                <p:cTn id="5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3" fill="hold">
                            <p:stCondLst>
                              <p:cond delay="1500"/>
                            </p:stCondLst>
                            <p:childTnLst>
                              <p:par>
                                <p:cTn id="5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500"/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265F32B-5CFF-8771-D7CB-E123D5EAC89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53B3C3B-341D-83CB-C2DE-4B70716512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 – </a:t>
            </a:r>
            <a:r>
              <a:rPr lang="en-GB" i="1" dirty="0"/>
              <a:t>Task</a:t>
            </a:r>
            <a:r>
              <a:rPr lang="en-GB" dirty="0"/>
              <a:t> clas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167D927-DE76-0D0B-2370-7E666121D939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 lnSpcReduction="10000"/>
          </a:bodyPr>
          <a:lstStyle/>
          <a:p>
            <a:r>
              <a:rPr lang="en-US" dirty="0"/>
              <a:t>Enables developers to implement asynchronous tasks in JavaFX applications.</a:t>
            </a:r>
          </a:p>
          <a:p>
            <a:r>
              <a:rPr lang="en-US" dirty="0"/>
              <a:t>Inherits from the </a:t>
            </a:r>
            <a:r>
              <a:rPr lang="en-US" i="1" dirty="0" err="1"/>
              <a:t>java.utils.concurrent.FutureTask</a:t>
            </a:r>
            <a:r>
              <a:rPr lang="en-US" dirty="0"/>
              <a:t> (</a:t>
            </a:r>
            <a:r>
              <a:rPr lang="en-US" i="1" dirty="0"/>
              <a:t>Runnable</a:t>
            </a:r>
            <a:r>
              <a:rPr lang="en-US" dirty="0"/>
              <a:t>) class, internally uses </a:t>
            </a:r>
            <a:r>
              <a:rPr lang="en-US" i="1" dirty="0"/>
              <a:t>Callable</a:t>
            </a:r>
            <a:r>
              <a:rPr lang="en-US" dirty="0"/>
              <a:t>.</a:t>
            </a:r>
          </a:p>
          <a:p>
            <a:pPr lvl="1"/>
            <a:r>
              <a:rPr lang="en-US" dirty="0"/>
              <a:t>You can call it directly by using the </a:t>
            </a:r>
            <a:r>
              <a:rPr lang="en-US" i="1" dirty="0" err="1"/>
              <a:t>FutureTask.run</a:t>
            </a:r>
            <a:r>
              <a:rPr lang="en-US" i="1" dirty="0"/>
              <a:t>()</a:t>
            </a:r>
            <a:r>
              <a:rPr lang="en-US" dirty="0"/>
              <a:t> method, which enables calling this task from another background thread.</a:t>
            </a:r>
          </a:p>
          <a:p>
            <a:r>
              <a:rPr lang="en-US" i="1" dirty="0"/>
              <a:t>C</a:t>
            </a:r>
            <a:r>
              <a:rPr lang="en-US" dirty="0"/>
              <a:t>an be used within the Java concurrency Executor API.</a:t>
            </a:r>
          </a:p>
          <a:p>
            <a:r>
              <a:rPr lang="en-US" i="1" dirty="0"/>
              <a:t>C</a:t>
            </a:r>
            <a:r>
              <a:rPr lang="en-US" dirty="0"/>
              <a:t>an be passed to a thread as a parameter. </a:t>
            </a:r>
          </a:p>
          <a:p>
            <a:endParaRPr lang="en-US" dirty="0"/>
          </a:p>
          <a:p>
            <a:r>
              <a:rPr lang="en-US" dirty="0"/>
              <a:t>Method </a:t>
            </a:r>
            <a:r>
              <a:rPr lang="en-US" i="1" dirty="0"/>
              <a:t>call</a:t>
            </a:r>
            <a:r>
              <a:rPr lang="en-US" dirty="0"/>
              <a:t> can only manipulate states that are safe to read and write from a background thread.</a:t>
            </a:r>
          </a:p>
          <a:p>
            <a:pPr lvl="1"/>
            <a:r>
              <a:rPr lang="en-US" dirty="0">
                <a:solidFill>
                  <a:srgbClr val="FF0000"/>
                </a:solidFill>
              </a:rPr>
              <a:t>Manipulating an active scene graph from the call method throws runtime exceptions.</a:t>
            </a:r>
          </a:p>
          <a:p>
            <a:r>
              <a:rPr lang="en-US" dirty="0"/>
              <a:t>Inside the call method, you can use the </a:t>
            </a:r>
            <a:r>
              <a:rPr lang="en-US" i="1" dirty="0" err="1"/>
              <a:t>updateProgress</a:t>
            </a:r>
            <a:r>
              <a:rPr lang="en-US" dirty="0"/>
              <a:t>, </a:t>
            </a:r>
            <a:r>
              <a:rPr lang="en-US" i="1" dirty="0" err="1"/>
              <a:t>updateMessage</a:t>
            </a:r>
            <a:r>
              <a:rPr lang="en-US" dirty="0"/>
              <a:t>, </a:t>
            </a:r>
            <a:r>
              <a:rPr lang="en-US" i="1" dirty="0" err="1"/>
              <a:t>updateTitle</a:t>
            </a:r>
            <a:r>
              <a:rPr lang="en-US" dirty="0"/>
              <a:t> methods.</a:t>
            </a:r>
          </a:p>
          <a:p>
            <a:r>
              <a:rPr lang="en-US" dirty="0"/>
              <a:t>The above methods update the values of the corresponding properties on the JavaFX Application thread.</a:t>
            </a:r>
          </a:p>
          <a:p>
            <a:r>
              <a:rPr lang="en-US" dirty="0"/>
              <a:t>It defines a one-time object that cannot be reused. If you need a reusable object, use the </a:t>
            </a:r>
            <a:r>
              <a:rPr lang="en-US" i="1" dirty="0"/>
              <a:t>Service</a:t>
            </a:r>
            <a:r>
              <a:rPr lang="en-US" dirty="0"/>
              <a:t> class.</a:t>
            </a:r>
            <a:endParaRPr lang="en-GB" dirty="0"/>
          </a:p>
          <a:p>
            <a:endParaRPr lang="en-US" dirty="0"/>
          </a:p>
          <a:p>
            <a:r>
              <a:rPr lang="en-US" dirty="0"/>
              <a:t>Having a good understanding of the Java concurrency API will help you understand concurrency in JavaFX.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B232AC5-60E8-11D0-9871-EF2ED5EDB7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123711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500"/>
                            </p:stCondLst>
                            <p:childTnLst>
                              <p:par>
                                <p:cTn id="30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3" fill="hold">
                            <p:stCondLst>
                              <p:cond delay="1000"/>
                            </p:stCondLst>
                            <p:childTnLst>
                              <p:par>
                                <p:cTn id="34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7" fill="hold">
                            <p:stCondLst>
                              <p:cond delay="1500"/>
                            </p:stCondLst>
                            <p:childTnLst>
                              <p:par>
                                <p:cTn id="38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1" fill="hold">
                            <p:stCondLst>
                              <p:cond delay="2000"/>
                            </p:stCondLst>
                            <p:childTnLst>
                              <p:par>
                                <p:cTn id="42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5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660E31-396D-6AAB-F8A9-77845C2D85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3C4A99D-0623-CF5B-34B5-3181B2211B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 – </a:t>
            </a:r>
            <a:r>
              <a:rPr lang="en-GB" i="1" dirty="0"/>
              <a:t>Service</a:t>
            </a:r>
            <a:r>
              <a:rPr lang="en-GB" dirty="0"/>
              <a:t> clas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5E0AC1C6-C2F2-7450-B8F7-FF7C86104F39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 lnSpcReduction="10000"/>
          </a:bodyPr>
          <a:lstStyle/>
          <a:p>
            <a:r>
              <a:rPr lang="en-US" dirty="0"/>
              <a:t>The purpose of this class is to help the developer to implement the correct interaction between the background threads and the JavaFX Application thread.</a:t>
            </a:r>
          </a:p>
          <a:p>
            <a:r>
              <a:rPr lang="en-US" dirty="0"/>
              <a:t>Is designed to execute a </a:t>
            </a:r>
            <a:r>
              <a:rPr lang="en-US" i="1" dirty="0"/>
              <a:t>Task</a:t>
            </a:r>
            <a:r>
              <a:rPr lang="en-US" dirty="0"/>
              <a:t> object on one or several background threads.</a:t>
            </a:r>
          </a:p>
          <a:p>
            <a:r>
              <a:rPr lang="en-US" dirty="0"/>
              <a:t>Class methods and states must only be accessed on the JavaFX Application thread.</a:t>
            </a:r>
          </a:p>
          <a:p>
            <a:endParaRPr lang="en-US" dirty="0"/>
          </a:p>
          <a:p>
            <a:r>
              <a:rPr lang="en-US" dirty="0"/>
              <a:t>You can </a:t>
            </a:r>
            <a:r>
              <a:rPr lang="en-US" i="1" dirty="0"/>
              <a:t>start</a:t>
            </a:r>
            <a:r>
              <a:rPr lang="en-US" dirty="0"/>
              <a:t>, </a:t>
            </a:r>
            <a:r>
              <a:rPr lang="en-US" i="1" dirty="0"/>
              <a:t>cancel</a:t>
            </a:r>
            <a:r>
              <a:rPr lang="en-US" dirty="0"/>
              <a:t> and </a:t>
            </a:r>
            <a:r>
              <a:rPr lang="en-US" i="1" dirty="0"/>
              <a:t>restart</a:t>
            </a:r>
            <a:r>
              <a:rPr lang="en-US" dirty="0"/>
              <a:t> (</a:t>
            </a:r>
            <a:r>
              <a:rPr lang="en-US" i="1" dirty="0"/>
              <a:t>Worker</a:t>
            </a:r>
            <a:r>
              <a:rPr lang="en-US" dirty="0"/>
              <a:t>).</a:t>
            </a:r>
          </a:p>
          <a:p>
            <a:r>
              <a:rPr lang="en-US" dirty="0"/>
              <a:t>You can observe the state of the background work and optionally cancel it.</a:t>
            </a:r>
          </a:p>
          <a:p>
            <a:r>
              <a:rPr lang="en-US" dirty="0"/>
              <a:t>Later, you can reset the service and restart it. Thus, the service can be defined declaratively and restarted on demand.</a:t>
            </a:r>
          </a:p>
          <a:p>
            <a:endParaRPr lang="en-US" dirty="0"/>
          </a:p>
          <a:p>
            <a:r>
              <a:rPr lang="en-US" dirty="0"/>
              <a:t>Can be executed in one of the following ways:</a:t>
            </a:r>
          </a:p>
          <a:p>
            <a:pPr lvl="1"/>
            <a:r>
              <a:rPr lang="en-US" dirty="0"/>
              <a:t>by a custom </a:t>
            </a:r>
            <a:r>
              <a:rPr lang="en-US" i="1" dirty="0"/>
              <a:t>Executor</a:t>
            </a:r>
            <a:r>
              <a:rPr lang="en-US" dirty="0"/>
              <a:t> object, if it is specified for the given service,</a:t>
            </a:r>
          </a:p>
          <a:p>
            <a:pPr lvl="1"/>
            <a:r>
              <a:rPr lang="en-US" dirty="0"/>
              <a:t>by a daemon thread, if no executor </a:t>
            </a:r>
            <a:r>
              <a:rPr lang="en-US"/>
              <a:t>is specified</a:t>
            </a:r>
            <a:r>
              <a:rPr lang="en-US" dirty="0"/>
              <a:t>.</a:t>
            </a:r>
          </a:p>
          <a:p>
            <a:r>
              <a:rPr lang="en-US" dirty="0"/>
              <a:t>If no executor is specified then the default executor is a </a:t>
            </a:r>
            <a:r>
              <a:rPr lang="en-US" i="1" dirty="0" err="1"/>
              <a:t>ThreadPoolExecutor</a:t>
            </a:r>
            <a:r>
              <a:rPr lang="en-US" i="1" dirty="0"/>
              <a:t>.</a:t>
            </a:r>
          </a:p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FE2024-9F57-6097-FC0C-4E3346718F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20828443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500"/>
                            </p:stCondLst>
                            <p:childTnLst>
                              <p:par>
                                <p:cTn id="22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1000"/>
                            </p:stCondLst>
                            <p:childTnLst>
                              <p:par>
                                <p:cTn id="26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4" fill="hold">
                            <p:stCondLst>
                              <p:cond delay="500"/>
                            </p:stCondLst>
                            <p:childTnLst>
                              <p:par>
                                <p:cTn id="35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8" fill="hold">
                            <p:stCondLst>
                              <p:cond delay="1000"/>
                            </p:stCondLst>
                            <p:childTnLst>
                              <p:par>
                                <p:cTn id="3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2" fill="hold">
                            <p:stCondLst>
                              <p:cond delay="1500"/>
                            </p:stCondLst>
                            <p:childTnLst>
                              <p:par>
                                <p:cTn id="4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0141DA-2673-2B1D-E276-CCE1481489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06AE3386-020B-1F35-25AF-75141E0F6E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 – exampl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D307B40-B19F-9B45-113F-76D8420C8F18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/>
          </a:bodyPr>
          <a:lstStyle/>
          <a:p>
            <a:endParaRPr lang="en-US" i="1" dirty="0"/>
          </a:p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558EB9E-8079-1BF0-1F32-B2EB9394FF1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5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A98B29A-0410-5F47-D829-C987C20760C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58433" y="40192"/>
            <a:ext cx="5310712" cy="382865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D77E4A47-4D9C-5BDC-911D-CE384DF729F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533997" y="3888941"/>
            <a:ext cx="9084010" cy="284202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0BF7D2AA-0232-E4A5-DECC-59BA23E5829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51153" y="1153570"/>
            <a:ext cx="5525271" cy="3562847"/>
          </a:xfrm>
          <a:prstGeom prst="rect">
            <a:avLst/>
          </a:prstGeom>
          <a:ln w="19050">
            <a:solidFill>
              <a:schemeClr val="accent4">
                <a:lumMod val="90000"/>
              </a:schemeClr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7016014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8F517D6-3593-F3B2-6FDD-5DBB326107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7B696E6-2717-DCFF-08A3-288C29953E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7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/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8120325-6E97-AD49-3A3D-8F1D374C87D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7667221"/>
      </p:ext>
    </p:extLst>
  </p:cSld>
  <p:clrMapOvr>
    <a:masterClrMapping/>
  </p:clrMapOvr>
  <p:transition spd="slow">
    <p:push dir="u"/>
  </p:transition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90B20B6-AC86-C810-2BEE-1D026F6819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B82B5C-267C-FDFC-7232-800243B971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SS – Transformation - Animation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18DD8D9-8C93-CF9D-C3F3-A976838D76AC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>
            <a:normAutofit/>
          </a:bodyPr>
          <a:lstStyle/>
          <a:p>
            <a:r>
              <a:rPr lang="en-US" dirty="0"/>
              <a:t>JavaFX CSS customize styling to the UI without changing any of application's source code.</a:t>
            </a:r>
            <a:endParaRPr lang="en-GB" dirty="0"/>
          </a:p>
          <a:p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Transformations are modifications to visual representation of nodes allowing to achieve effects like: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translation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rotation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scaling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shearing</a:t>
            </a:r>
          </a:p>
          <a:p>
            <a:r>
              <a:rPr lang="en-GB" dirty="0"/>
              <a:t>Animation - </a:t>
            </a:r>
            <a:r>
              <a:rPr lang="en-US" b="0" i="0" dirty="0">
                <a:solidFill>
                  <a:srgbClr val="000000"/>
                </a:solidFill>
                <a:effectLst/>
              </a:rPr>
              <a:t>creating illusion of its motion by rapid display, it’s used to visually enhance an application. </a:t>
            </a:r>
          </a:p>
          <a:p>
            <a:pPr lvl="1"/>
            <a:r>
              <a:rPr lang="en-US" b="0" i="0" dirty="0">
                <a:solidFill>
                  <a:srgbClr val="000000"/>
                </a:solidFill>
                <a:effectLst/>
              </a:rPr>
              <a:t>Animations are used in an application to add certain special visual effects on elements</a:t>
            </a:r>
          </a:p>
          <a:p>
            <a:pPr lvl="1"/>
            <a:r>
              <a:rPr lang="en-GB" dirty="0"/>
              <a:t>Fade Transition, Fill Transition, Rotate Transition, Scale Transition, Stroke Transition, Translate Transition, Path Transition, Sequential Transition, Pause Transition, Parallel Trans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530D12-6C38-FDD2-2699-AF9E78EE51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2666417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000"/>
                            </p:stCondLst>
                            <p:childTnLst>
                              <p:par>
                                <p:cTn id="1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15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2000"/>
                            </p:stCondLst>
                            <p:childTnLst>
                              <p:par>
                                <p:cTn id="2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4" fill="hold">
                            <p:stCondLst>
                              <p:cond delay="500"/>
                            </p:stCondLst>
                            <p:childTnLst>
                              <p:par>
                                <p:cTn id="3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8" fill="hold">
                            <p:stCondLst>
                              <p:cond delay="1000"/>
                            </p:stCondLst>
                            <p:childTnLst>
                              <p:par>
                                <p:cTn id="3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E3A6D6-AA29-DD94-14AF-D8CF58D6ABB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0EC8D3A-6F6B-AD21-D438-CF0B04C313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S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4B9A1F5-5F28-DED8-0D10-BA78F92F3EF4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JavaFX CSS:</a:t>
            </a:r>
          </a:p>
          <a:p>
            <a:pPr lvl="1"/>
            <a:r>
              <a:rPr lang="en-US" dirty="0"/>
              <a:t>can be applied to any node in the scene graph,</a:t>
            </a:r>
          </a:p>
          <a:p>
            <a:pPr lvl="1"/>
            <a:r>
              <a:rPr lang="en-US" dirty="0"/>
              <a:t>are applied to the nodes asynchronously,</a:t>
            </a:r>
          </a:p>
          <a:p>
            <a:pPr lvl="1"/>
            <a:r>
              <a:rPr lang="en-US" dirty="0"/>
              <a:t>can be easily assigned to the scene at runtime, allowing an application's appearance to dynamically change,</a:t>
            </a:r>
          </a:p>
          <a:p>
            <a:pPr lvl="1"/>
            <a:r>
              <a:rPr lang="en-US" dirty="0"/>
              <a:t>is based on the W3C CSS,</a:t>
            </a:r>
          </a:p>
          <a:p>
            <a:pPr lvl="1"/>
            <a:r>
              <a:rPr lang="en-US" dirty="0"/>
              <a:t>allow to be parsed cleanly by any compliant CSS parser,</a:t>
            </a:r>
          </a:p>
          <a:p>
            <a:pPr lvl="1"/>
            <a:r>
              <a:rPr lang="en-US" dirty="0"/>
              <a:t>enables the mixing of CSS styles for JavaFX and for other purposes (such as for HTML pages) into a single style sheet,</a:t>
            </a:r>
          </a:p>
          <a:p>
            <a:pPr lvl="1"/>
            <a:r>
              <a:rPr lang="en-US" dirty="0"/>
              <a:t>all JavaFX property names are prefixed with a vendor extension of ”-</a:t>
            </a:r>
            <a:r>
              <a:rPr lang="en-US" dirty="0" err="1"/>
              <a:t>fx</a:t>
            </a:r>
            <a:r>
              <a:rPr lang="en-US" dirty="0"/>
              <a:t>-”</a:t>
            </a:r>
          </a:p>
          <a:p>
            <a:r>
              <a:rPr lang="en-GB" dirty="0"/>
              <a:t>JavaFX CSS Reference Guide: </a:t>
            </a:r>
          </a:p>
          <a:p>
            <a:pPr lvl="1"/>
            <a:r>
              <a:rPr lang="en-GB" dirty="0">
                <a:hlinkClick r:id="rId5"/>
              </a:rPr>
              <a:t>https://docs.oracle.com/javafx/2/api/javafx/scene/doc-files/cssref.html</a:t>
            </a:r>
            <a:r>
              <a:rPr lang="en-GB" dirty="0"/>
              <a:t> </a:t>
            </a:r>
          </a:p>
          <a:p>
            <a:pPr lvl="1"/>
            <a:r>
              <a:rPr lang="en-GB" dirty="0">
                <a:hlinkClick r:id="rId6"/>
              </a:rPr>
              <a:t>https://eugener.github.io/javafx-css/</a:t>
            </a:r>
            <a:r>
              <a:rPr lang="en-GB" dirty="0"/>
              <a:t>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7A18775-29D7-F9FC-F18E-E8CF108110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8</a:t>
            </a:fld>
            <a:endParaRPr lang="en-GB" dirty="0"/>
          </a:p>
        </p:txBody>
      </p:sp>
      <p:pic>
        <p:nvPicPr>
          <p:cNvPr id="9" name="Content Placeholder 2">
            <a:extLst>
              <a:ext uri="{FF2B5EF4-FFF2-40B4-BE49-F238E27FC236}">
                <a16:creationId xmlns:a16="http://schemas.microsoft.com/office/drawing/2014/main" id="{3FC22D50-9059-3125-A82A-35AD9A31FE3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133189" y="185737"/>
            <a:ext cx="11039833" cy="64849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4867311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2500"/>
                            </p:stCondLst>
                            <p:childTnLst>
                              <p:par>
                                <p:cTn id="2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8" fill="hold">
                            <p:stCondLst>
                              <p:cond delay="3000"/>
                            </p:stCondLst>
                            <p:childTnLst>
                              <p:par>
                                <p:cTn id="2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3500"/>
                            </p:stCondLst>
                            <p:childTnLst>
                              <p:par>
                                <p:cTn id="3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6" fill="hold">
                            <p:stCondLst>
                              <p:cond delay="4000"/>
                            </p:stCondLst>
                            <p:childTnLst>
                              <p:par>
                                <p:cTn id="3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4500"/>
                            </p:stCondLst>
                            <p:childTnLst>
                              <p:par>
                                <p:cTn id="4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4" fill="hold">
                            <p:stCondLst>
                              <p:cond delay="5000"/>
                            </p:stCondLst>
                            <p:childTnLst>
                              <p:par>
                                <p:cTn id="4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3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4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6370D1-9B38-BA82-1D45-3ABF2FED01A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3C32007-A9CB-F841-127E-7477F0C54C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ransforma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E26A1B4-B85F-93DE-7763-77B2D6D81CC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9</a:t>
            </a:fld>
            <a:endParaRPr lang="en-GB" dirty="0"/>
          </a:p>
        </p:txBody>
      </p:sp>
      <p:pic>
        <p:nvPicPr>
          <p:cNvPr id="1028" name="Picture 4" descr="Rotation Transformation">
            <a:extLst>
              <a:ext uri="{FF2B5EF4-FFF2-40B4-BE49-F238E27FC236}">
                <a16:creationId xmlns:a16="http://schemas.microsoft.com/office/drawing/2014/main" id="{B078C4FE-4B50-120B-8A92-683497AE9CB3}"/>
              </a:ext>
            </a:extLst>
          </p:cNvPr>
          <p:cNvPicPr>
            <a:picLocks noGrp="1" noChangeAspect="1" noChangeArrowheads="1"/>
          </p:cNvPicPr>
          <p:nvPr>
            <p:ph idx="17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738" y="542869"/>
            <a:ext cx="5715000" cy="3200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Scaling Transformation">
            <a:extLst>
              <a:ext uri="{FF2B5EF4-FFF2-40B4-BE49-F238E27FC236}">
                <a16:creationId xmlns:a16="http://schemas.microsoft.com/office/drawing/2014/main" id="{D917DBAB-55D9-CBE5-15DD-531AE27CD43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09494" y="192672"/>
            <a:ext cx="5715000" cy="3200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2" name="Picture 8" descr="Translate Transformation">
            <a:extLst>
              <a:ext uri="{FF2B5EF4-FFF2-40B4-BE49-F238E27FC236}">
                <a16:creationId xmlns:a16="http://schemas.microsoft.com/office/drawing/2014/main" id="{46CBE901-1A3D-E9C1-B277-6DCD7FEDAAA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09494" y="3464928"/>
            <a:ext cx="5715000" cy="3200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4" name="Picture 10" descr="Shearing Example">
            <a:extLst>
              <a:ext uri="{FF2B5EF4-FFF2-40B4-BE49-F238E27FC236}">
                <a16:creationId xmlns:a16="http://schemas.microsoft.com/office/drawing/2014/main" id="{F11A8F07-6B02-FAF7-5ACC-A70164E5459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5862" y="4100401"/>
            <a:ext cx="3013493" cy="16875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6" name="Picture 12" descr="Shearing Example">
            <a:extLst>
              <a:ext uri="{FF2B5EF4-FFF2-40B4-BE49-F238E27FC236}">
                <a16:creationId xmlns:a16="http://schemas.microsoft.com/office/drawing/2014/main" id="{BD899F53-B00E-5157-0008-DC9832EFAA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96955" y="4100401"/>
            <a:ext cx="2703783" cy="26066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7054061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500"/>
                                        <p:tgtEl>
                                          <p:spTgt spid="10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0" dur="500"/>
                                        <p:tgtEl>
                                          <p:spTgt spid="10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3" dur="500"/>
                                        <p:tgtEl>
                                          <p:spTgt spid="10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6" dur="500"/>
                                        <p:tgtEl>
                                          <p:spTgt spid="10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9" dur="500"/>
                                        <p:tgtEl>
                                          <p:spTgt spid="10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0A5A2B7-EBC1-30FC-459C-919C64BD50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aweł Gawędzki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E8999DD-304B-47DB-D3FC-C86E2C6822A5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Programming since 2008 (university time is not included)</a:t>
            </a:r>
          </a:p>
          <a:p>
            <a:r>
              <a:rPr lang="en-GB" dirty="0"/>
              <a:t>Netcompany since 2017</a:t>
            </a:r>
          </a:p>
          <a:p>
            <a:r>
              <a:rPr lang="en-GB" dirty="0"/>
              <a:t>Java star system, JVM planet</a:t>
            </a: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“Elegant JavaFX” article </a:t>
            </a:r>
            <a:r>
              <a:rPr lang="en-US" dirty="0">
                <a:solidFill>
                  <a:srgbClr val="202122"/>
                </a:solidFill>
                <a:latin typeface="Arial" panose="020B0604020202020204" pitchFamily="34" charset="0"/>
              </a:rPr>
              <a:t>on </a:t>
            </a:r>
            <a:r>
              <a:rPr lang="en-US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DZone</a:t>
            </a:r>
            <a:endParaRPr lang="en-US" b="0" i="0" dirty="0">
              <a:solidFill>
                <a:srgbClr val="202122"/>
              </a:solidFill>
              <a:effectLst/>
              <a:latin typeface="Arial" panose="020B0604020202020204" pitchFamily="34" charset="0"/>
            </a:endParaRP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JavaFX applications (… 99, DSH, </a:t>
            </a:r>
            <a:r>
              <a:rPr lang="en-US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PdfMerger</a:t>
            </a:r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, </a:t>
            </a:r>
            <a:r>
              <a:rPr lang="en-US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Gipter</a:t>
            </a:r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, monitor, jump-host, officer)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661458-F027-6EC3-9873-B8637674E9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AD138282-28E1-7D27-5F9E-2BFD06222B0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64" y="3795918"/>
            <a:ext cx="4584888" cy="30314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B6F578A-E853-71EA-2601-14E7C6318DE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106561" y="3813583"/>
            <a:ext cx="2656770" cy="300983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C5BFF734-6D54-2DBC-1713-1160AFE9DDA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827377" y="505128"/>
            <a:ext cx="5239498" cy="281330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FCE880A0-59F3-CCF9-859D-858E73846C06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793475" y="3505357"/>
            <a:ext cx="5316781" cy="332098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DB002E9B-93BC-28A1-D2A5-574AA8B1E3D1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-1586" y="20652"/>
            <a:ext cx="4078004" cy="1723238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11D83083-BF70-0B47-F62C-00CC1C1D0744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2986854" y="611697"/>
            <a:ext cx="3762997" cy="315392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9705164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0" fill="hold">
                            <p:stCondLst>
                              <p:cond delay="500"/>
                            </p:stCondLst>
                            <p:childTnLst>
                              <p:par>
                                <p:cTn id="3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5" fill="hold">
                            <p:stCondLst>
                              <p:cond delay="1000"/>
                            </p:stCondLst>
                            <p:childTnLst>
                              <p:par>
                                <p:cTn id="36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1500"/>
                            </p:stCondLst>
                            <p:childTnLst>
                              <p:par>
                                <p:cTn id="4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5" fill="hold">
                            <p:stCondLst>
                              <p:cond delay="2000"/>
                            </p:stCondLst>
                            <p:childTnLst>
                              <p:par>
                                <p:cTn id="46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9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0" fill="hold">
                            <p:stCondLst>
                              <p:cond delay="2500"/>
                            </p:stCondLst>
                            <p:childTnLst>
                              <p:par>
                                <p:cTn id="5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3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4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E490E47-C621-D298-DA8C-E45472AEA13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BEF96CA-935A-6173-9399-8C93A68A06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nimation</a:t>
            </a:r>
          </a:p>
        </p:txBody>
      </p:sp>
      <p:pic>
        <p:nvPicPr>
          <p:cNvPr id="2" name="2025-04-22 13-05-27">
            <a:hlinkClick r:id="" action="ppaction://media"/>
            <a:extLst>
              <a:ext uri="{FF2B5EF4-FFF2-40B4-BE49-F238E27FC236}">
                <a16:creationId xmlns:a16="http://schemas.microsoft.com/office/drawing/2014/main" id="{2232575C-529B-357C-D3BE-84DDDB81728B}"/>
              </a:ext>
            </a:extLst>
          </p:cNvPr>
          <p:cNvPicPr>
            <a:picLocks noGrp="1" noChangeAspect="1"/>
          </p:cNvPicPr>
          <p:nvPr>
            <p:ph idx="17"/>
            <a:vide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>
          <a:blip r:embed="rId7"/>
          <a:stretch>
            <a:fillRect/>
          </a:stretch>
        </p:blipFill>
        <p:spPr>
          <a:xfrm>
            <a:off x="972769" y="657370"/>
            <a:ext cx="10642059" cy="5986549"/>
          </a:xfr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03487A-F23F-3102-2DC7-D6112080F8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0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6215124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6600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repeatCount="indefinite" fill="remove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</p:childTnLst>
        </p:cTn>
      </p:par>
    </p:tn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72B6A0F-E193-AD87-39F2-6C4D3AAD5E8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18F6211-3128-23C9-4276-71A5AD89484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9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/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73E93B-7BD2-D1AC-E24B-38FF5FAA647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76138879"/>
      </p:ext>
    </p:extLst>
  </p:cSld>
  <p:clrMapOvr>
    <a:masterClrMapping/>
  </p:clrMapOvr>
  <p:transition spd="slow">
    <p:push dir="u"/>
  </p:transition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136B2F0-D77A-08FA-BD40-84195A9C304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D1F6CEB-E034-9C42-B92A-DC3DA45488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5738" y="185737"/>
            <a:ext cx="11818937" cy="947737"/>
          </a:xfrm>
        </p:spPr>
        <p:txBody>
          <a:bodyPr anchor="t">
            <a:normAutofit/>
          </a:bodyPr>
          <a:lstStyle/>
          <a:p>
            <a:r>
              <a:rPr lang="en-GB" dirty="0"/>
              <a:t>Framework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9DF08B0-63B9-1F39-3DF8-902D262FB59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85739" y="1438275"/>
            <a:ext cx="5816600" cy="4562476"/>
          </a:xfrm>
        </p:spPr>
        <p:txBody>
          <a:bodyPr>
            <a:normAutofit/>
          </a:bodyPr>
          <a:lstStyle/>
          <a:p>
            <a:r>
              <a:rPr lang="en-GB" dirty="0"/>
              <a:t>Not many known to me.</a:t>
            </a:r>
          </a:p>
          <a:p>
            <a:r>
              <a:rPr lang="en-GB" dirty="0" err="1"/>
              <a:t>AtlantaFX</a:t>
            </a:r>
            <a:r>
              <a:rPr lang="en-GB" dirty="0"/>
              <a:t> – themes. </a:t>
            </a:r>
          </a:p>
          <a:p>
            <a:r>
              <a:rPr lang="en-GB" dirty="0" err="1"/>
              <a:t>TestFX</a:t>
            </a:r>
            <a:r>
              <a:rPr lang="en-GB" dirty="0"/>
              <a:t> – UI testing.</a:t>
            </a:r>
          </a:p>
          <a:p>
            <a:r>
              <a:rPr lang="en-GB" dirty="0" err="1"/>
              <a:t>ControlsFX</a:t>
            </a:r>
            <a:r>
              <a:rPr lang="en-GB" dirty="0"/>
              <a:t> – additional controls.</a:t>
            </a:r>
          </a:p>
          <a:p>
            <a:r>
              <a:rPr lang="en-GB" dirty="0"/>
              <a:t>More: </a:t>
            </a:r>
          </a:p>
          <a:p>
            <a:pPr lvl="1"/>
            <a:r>
              <a:rPr lang="en-GB" dirty="0">
                <a:hlinkClick r:id="rId5"/>
              </a:rPr>
              <a:t>https://gluonhq.com/products/gluonfx/</a:t>
            </a:r>
            <a:endParaRPr lang="en-GB" dirty="0"/>
          </a:p>
          <a:p>
            <a:pPr lvl="1"/>
            <a:r>
              <a:rPr lang="en-GB" dirty="0">
                <a:hlinkClick r:id="rId6"/>
              </a:rPr>
              <a:t>https://openjfx.io/</a:t>
            </a:r>
            <a:endParaRPr lang="en-GB" dirty="0"/>
          </a:p>
          <a:p>
            <a:pPr lvl="1"/>
            <a:endParaRPr lang="en-GB" dirty="0"/>
          </a:p>
          <a:p>
            <a:r>
              <a:rPr lang="en-GB" dirty="0"/>
              <a:t>What about Spring?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BD1FBE5-BDF1-3ECC-C2BA-699353F2EF1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467149" y="222819"/>
            <a:ext cx="6537526" cy="2402540"/>
          </a:xfrm>
          <a:prstGeom prst="rect">
            <a:avLst/>
          </a:prstGeom>
          <a:noFill/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1EE265-A1C8-3D8A-89BB-58BDAA40CCA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4314" y="6474619"/>
            <a:ext cx="360360" cy="196056"/>
          </a:xfrm>
        </p:spPr>
        <p:txBody>
          <a:bodyPr anchor="b">
            <a:normAutofit fontScale="25000" lnSpcReduction="20000"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fld id="{23AA811B-2EBD-4900-905E-5BE206449611}" type="slidenum">
              <a:rPr lang="en-GB" sz="300" smtClean="0"/>
              <a:pPr>
                <a:lnSpc>
                  <a:spcPct val="90000"/>
                </a:lnSpc>
                <a:spcAft>
                  <a:spcPts val="600"/>
                </a:spcAft>
              </a:pPr>
              <a:t>32</a:t>
            </a:fld>
            <a:endParaRPr lang="en-GB" sz="30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C41E1E6-22AF-2B23-A3F9-B392D339D24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582855" y="128127"/>
            <a:ext cx="10431331" cy="660174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3106786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6" presetClass="entr" presetSubtype="2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000"/>
                            </p:stCondLst>
                            <p:childTnLst>
                              <p:par>
                                <p:cTn id="18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25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500"/>
                            </p:stCondLst>
                            <p:childTnLst>
                              <p:par>
                                <p:cTn id="27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29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0" fill="hold">
                            <p:stCondLst>
                              <p:cond delay="1000"/>
                            </p:stCondLst>
                            <p:childTnLst>
                              <p:par>
                                <p:cTn id="31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33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44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0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38263B-2937-0A66-CD6A-67B2D1650C6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0FD32E9-F6B4-FD69-3241-24123841614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3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/>
              <a:t>Action &amp; Q &amp; A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2A33157-1C07-6579-4441-6F46AC19C19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65373250"/>
      </p:ext>
    </p:extLst>
  </p:cSld>
  <p:clrMapOvr>
    <a:masterClrMapping/>
  </p:clrMapOvr>
  <p:transition spd="slow">
    <p:push dir="u"/>
  </p:transition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314DF0-DA8A-E45C-16EA-E7419BB3A1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DF66046-377C-232A-7C9E-19EAD00A87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most common mistakes according to AI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6FF17CD-3110-69B2-CC2F-08585E75C4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4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A2BB5A4-D696-AA1E-28FC-3E2C4D1E639D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dirty="0"/>
              <a:t>Cortex: </a:t>
            </a:r>
            <a:r>
              <a:rPr lang="en-US" dirty="0">
                <a:hlinkClick r:id="rId5" action="ppaction://hlinkfile"/>
              </a:rPr>
              <a:t>file:///C:/Users/pawg/OneDrive%20-%20Netcompany/Documents/JavaFX/commons-problems-for-beginners-cortex.html</a:t>
            </a:r>
            <a:r>
              <a:rPr lang="en-US" dirty="0"/>
              <a:t> </a:t>
            </a:r>
          </a:p>
          <a:p>
            <a:r>
              <a:rPr lang="en-US" dirty="0"/>
              <a:t>Deep Seek: </a:t>
            </a:r>
            <a:r>
              <a:rPr lang="en-US" dirty="0">
                <a:hlinkClick r:id="rId6" action="ppaction://hlinkfile"/>
              </a:rPr>
              <a:t>file:///C:/Users/pawg/OneDrive%20-%20Netcompany/Documents/JavaFX/common-problems-for-beginners-deepseek.</a:t>
            </a:r>
            <a:r>
              <a:rPr lang="en-US">
                <a:hlinkClick r:id="rId6" action="ppaction://hlinkfile"/>
              </a:rPr>
              <a:t>html</a:t>
            </a:r>
            <a:r>
              <a:rPr lang="en-US"/>
              <a:t> 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6013182"/>
      </p:ext>
    </p:extLst>
  </p:cSld>
  <p:clrMapOvr>
    <a:masterClrMapping/>
  </p:clrMapOvr>
  <p:transition spd="slow">
    <p:push dir="u"/>
  </p:transition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532AB6-2809-97E7-0E4B-4D92937038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C9A47DA-9226-FD31-A9A5-DD9A33A9F60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here to start?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0F31920-6331-9A7B-BFC1-349DD0C8A5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5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046B36F-696D-042B-335C-85FA180FBF92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688369"/>
            <a:ext cx="11818937" cy="5879699"/>
          </a:xfrm>
        </p:spPr>
        <p:txBody>
          <a:bodyPr>
            <a:normAutofit fontScale="92500" lnSpcReduction="10000"/>
          </a:bodyPr>
          <a:lstStyle/>
          <a:p>
            <a:r>
              <a:rPr lang="en-US" dirty="0">
                <a:hlinkClick r:id="rId5"/>
              </a:rPr>
              <a:t>https://docs.oracle.com/javase/8/javafx/get-started-tutorial/get_start_apps.htm</a:t>
            </a:r>
            <a:endParaRPr lang="en-US" dirty="0"/>
          </a:p>
          <a:p>
            <a:r>
              <a:rPr lang="en-US" dirty="0">
                <a:hlinkClick r:id="rId6"/>
              </a:rPr>
              <a:t>https://openjfx.io/#community</a:t>
            </a:r>
            <a:r>
              <a:rPr lang="en-US" dirty="0"/>
              <a:t> </a:t>
            </a:r>
          </a:p>
          <a:p>
            <a:r>
              <a:rPr lang="en-US" dirty="0">
                <a:hlinkClick r:id="rId5"/>
              </a:rPr>
              <a:t>https://docs.oracle.com/javase/8/javafx/get-started-tutorial/get_start_apps.htm</a:t>
            </a:r>
            <a:endParaRPr lang="en-US" dirty="0"/>
          </a:p>
          <a:p>
            <a:r>
              <a:rPr lang="en-US" dirty="0">
                <a:hlinkClick r:id="rId7"/>
              </a:rPr>
              <a:t>https://gluonhq.com/</a:t>
            </a:r>
            <a:endParaRPr lang="en-US" dirty="0"/>
          </a:p>
          <a:p>
            <a:r>
              <a:rPr lang="en-US" dirty="0">
                <a:hlinkClick r:id="rId8"/>
              </a:rPr>
              <a:t>https://docs.oracle.com/javafx/2/threads/jfxpub-threads.htm</a:t>
            </a:r>
            <a:endParaRPr lang="en-US" dirty="0"/>
          </a:p>
          <a:p>
            <a:r>
              <a:rPr lang="en-US" dirty="0">
                <a:hlinkClick r:id="rId9"/>
              </a:rPr>
              <a:t>https://docs.oracle.com/javafx/2/binding/jfxpub-binding.htm</a:t>
            </a:r>
            <a:endParaRPr lang="en-US" dirty="0"/>
          </a:p>
          <a:p>
            <a:r>
              <a:rPr lang="en-US" dirty="0">
                <a:hlinkClick r:id="rId10"/>
              </a:rPr>
              <a:t>https://docs.oracle.com/javase/8/javafx/properties-binding-tutorial/binding.htm</a:t>
            </a:r>
            <a:endParaRPr lang="en-US" dirty="0"/>
          </a:p>
          <a:p>
            <a:r>
              <a:rPr lang="en-US" dirty="0">
                <a:hlinkClick r:id="rId11"/>
              </a:rPr>
              <a:t>https://docs.oracle.com/javase/8/javase-clienttechnologies.htm</a:t>
            </a:r>
            <a:endParaRPr lang="en-US" dirty="0"/>
          </a:p>
          <a:p>
            <a:r>
              <a:rPr lang="en-US" dirty="0">
                <a:hlinkClick r:id="rId12"/>
              </a:rPr>
              <a:t>https://dzone.com/articles/the-bean-class-for-javafx-programming</a:t>
            </a:r>
            <a:endParaRPr lang="en-US" dirty="0"/>
          </a:p>
          <a:p>
            <a:r>
              <a:rPr lang="en-US" dirty="0">
                <a:hlinkClick r:id="rId13"/>
              </a:rPr>
              <a:t>https://github.com/TestFX/TestFX</a:t>
            </a:r>
            <a:endParaRPr lang="en-US" dirty="0"/>
          </a:p>
          <a:p>
            <a:r>
              <a:rPr lang="en-US" dirty="0">
                <a:hlinkClick r:id="rId14"/>
              </a:rPr>
              <a:t>https://mkpaz.github.io/atlantafx/</a:t>
            </a:r>
            <a:endParaRPr lang="en-US" dirty="0"/>
          </a:p>
          <a:p>
            <a:r>
              <a:rPr lang="en-US" dirty="0">
                <a:hlinkClick r:id="rId15"/>
              </a:rPr>
              <a:t>https://controlsfx.github.io/</a:t>
            </a:r>
            <a:r>
              <a:rPr lang="en-US" dirty="0"/>
              <a:t> </a:t>
            </a:r>
          </a:p>
          <a:p>
            <a:r>
              <a:rPr lang="en-US" dirty="0">
                <a:hlinkClick r:id="rId16"/>
              </a:rPr>
              <a:t>https://www.tutorialspoint.com/javafx/index.htm</a:t>
            </a:r>
            <a:r>
              <a:rPr lang="en-US" dirty="0"/>
              <a:t> </a:t>
            </a:r>
          </a:p>
          <a:p>
            <a:r>
              <a:rPr lang="en-US" dirty="0">
                <a:hlinkClick r:id="rId17"/>
              </a:rPr>
              <a:t>https://www.jpro.one/</a:t>
            </a:r>
            <a:r>
              <a:rPr lang="en-US" dirty="0"/>
              <a:t> </a:t>
            </a:r>
          </a:p>
          <a:p>
            <a:r>
              <a:rPr lang="en-US" dirty="0">
                <a:hlinkClick r:id="rId18"/>
              </a:rPr>
              <a:t>https://dzone.com/articles/20-examples-of-using-javas-completablefuture</a:t>
            </a:r>
            <a:r>
              <a:rPr lang="en-US" dirty="0"/>
              <a:t> </a:t>
            </a:r>
          </a:p>
          <a:p>
            <a:r>
              <a:rPr lang="en-US" dirty="0">
                <a:hlinkClick r:id="rId19"/>
              </a:rPr>
              <a:t>https://dzone.com/articles/java-8-definitive-guide</a:t>
            </a:r>
            <a:endParaRPr lang="en-US" dirty="0"/>
          </a:p>
          <a:p>
            <a:r>
              <a:rPr lang="en-US" dirty="0">
                <a:hlinkClick r:id="rId20"/>
              </a:rPr>
              <a:t>https://dzone.com/articles/exception-handling-in-java-completablefuture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9166200"/>
      </p:ext>
    </p:extLst>
  </p:cSld>
  <p:clrMapOvr>
    <a:masterClrMapping/>
  </p:clrMapOvr>
  <p:transition spd="slow">
    <p:push dir="u"/>
  </p:transition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9BEB7E2-5F92-8EFE-C4C8-E1CCC5E932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29DE0F0-F707-9694-AE8C-5CF077FEBC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onus</a:t>
            </a:r>
          </a:p>
        </p:txBody>
      </p:sp>
      <p:graphicFrame>
        <p:nvGraphicFramePr>
          <p:cNvPr id="2" name="Content Placeholder 1">
            <a:extLst>
              <a:ext uri="{FF2B5EF4-FFF2-40B4-BE49-F238E27FC236}">
                <a16:creationId xmlns:a16="http://schemas.microsoft.com/office/drawing/2014/main" id="{2BADD1E0-A27B-B73A-1251-2AB17D61B3EB}"/>
              </a:ext>
            </a:extLst>
          </p:cNvPr>
          <p:cNvGraphicFramePr>
            <a:graphicFrameLocks noGrp="1"/>
          </p:cNvGraphicFramePr>
          <p:nvPr>
            <p:ph idx="17"/>
            <p:extLst>
              <p:ext uri="{D42A27DB-BD31-4B8C-83A1-F6EECF244321}">
                <p14:modId xmlns:p14="http://schemas.microsoft.com/office/powerpoint/2010/main" val="2348968124"/>
              </p:ext>
            </p:extLst>
          </p:nvPr>
        </p:nvGraphicFramePr>
        <p:xfrm>
          <a:off x="185738" y="659605"/>
          <a:ext cx="11818936" cy="60325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5909468">
                  <a:extLst>
                    <a:ext uri="{9D8B030D-6E8A-4147-A177-3AD203B41FA5}">
                      <a16:colId xmlns:a16="http://schemas.microsoft.com/office/drawing/2014/main" val="4007414437"/>
                    </a:ext>
                  </a:extLst>
                </a:gridCol>
                <a:gridCol w="5909468">
                  <a:extLst>
                    <a:ext uri="{9D8B030D-6E8A-4147-A177-3AD203B41FA5}">
                      <a16:colId xmlns:a16="http://schemas.microsoft.com/office/drawing/2014/main" val="238848733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Java Swin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JavaFX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9008939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is the standard toolkit for Java developers in creating GUI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grants platform assistance for designing desktop applications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2906932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a further refined collection of GUI components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has a fair amount of UI components available but is more inferior to what Swing provides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54730248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is a legacy library that fully features and provides pluggable UI components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has UI components that are still growing with a further advanced look and feel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5992709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can implement UI components with a conventional look and feel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can provide rich internet applications having a modern UI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9658625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-related classes can be found in the Java API guide with complete documentation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doc is available in various formats with comprehensive detailing and file support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98114035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is an advent in nature. Hence, it can produce UI components using conventional Java component classes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 FX originally uses a declarative language called JavaFX Script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65634148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Swing has a UI component library and acts as a legacy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has several components built over Sw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36216854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assistance for MVC, but it is not uniform across a component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 JavaFX support is really favorable with MVC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87814478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various IDEs, which offer a tool for rapid development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has also support from numerous IDEs as well, but it is not as experienced as Sw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37749122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A swing was renamed from Java Foundation Classes, and sun microsystems announced it in the year 1997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was initially released in December 2008 by Sun microsystem, later acquired by Oracle, now under Gluon care and development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38587131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Events in Swing aren’t that consistent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 Events in JavaFX are higher thought-out and additional consistent than their equivalents in Sw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06313293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lacks any support for modern touch devices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has fundamental maintenance for signature gestures resembling scrolling, swiping, rotating, and zoom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59650409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basic controls like buttons, checkboxes, and bandboxes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has many eye-catching controls that Swing doesn’t have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69976752"/>
                  </a:ext>
                </a:extLst>
              </a:tr>
            </a:tbl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D2D54DF-E71A-CDE4-49A1-4F868ACE4DD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93614684"/>
      </p:ext>
    </p:extLst>
  </p:cSld>
  <p:clrMapOvr>
    <a:masterClrMapping/>
  </p:clrMapOvr>
  <p:transition spd="slow">
    <p:push dir="u"/>
  </p:transition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BDB3A2-7654-D643-8A17-7A956D26D59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713D966-2BD5-E96F-A5C3-15D73CC647C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2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  <a:p>
            <a:r>
              <a:rPr lang="en-GB" sz="2800" dirty="0"/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2703A1C-0A64-8BC0-AB9E-F2F409AA191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06330757"/>
      </p:ext>
    </p:extLst>
  </p:cSld>
  <p:clrMapOvr>
    <a:masterClrMapping/>
  </p:clrMapOvr>
  <p:transition spd="slow">
    <p:push dir="u"/>
  </p:transition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271BC7-56BB-2DE3-299D-6F6AC22E522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8C909AC-CDDC-ADA6-3A15-F5B2FC3C8C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Runnable, Callab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DC2269-BBF1-B19F-B5E9-7F84DD195F8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8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853087E-98DB-B9AA-C21C-275DE2C57757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/>
              <a:t> interface - represents an operation that does not return a result. This is a functional interface whose functional method is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()</a:t>
            </a:r>
            <a:r>
              <a:rPr lang="en-US" dirty="0"/>
              <a:t>.</a:t>
            </a:r>
          </a:p>
          <a:p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Callable</a:t>
            </a:r>
            <a:r>
              <a:rPr lang="en-US" dirty="0"/>
              <a:t> interface - a task that returns a result and may throw an exception. </a:t>
            </a:r>
          </a:p>
          <a:p>
            <a:pPr lvl="1"/>
            <a:r>
              <a:rPr lang="en-US" dirty="0"/>
              <a:t>Implementors define a single method with no arguments called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call</a:t>
            </a:r>
            <a:r>
              <a:rPr lang="en-US" dirty="0"/>
              <a:t>.</a:t>
            </a:r>
          </a:p>
          <a:p>
            <a:pPr lvl="1"/>
            <a:r>
              <a:rPr lang="en-US" dirty="0"/>
              <a:t>The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Callable</a:t>
            </a:r>
            <a:r>
              <a:rPr lang="en-US" dirty="0"/>
              <a:t> interface is similar to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/>
              <a:t>, in that both are designed for classes whose instances are potentially executed by another thread. A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/>
              <a:t>, however, does not return a result and cannot throw a checked exception.</a:t>
            </a:r>
          </a:p>
          <a:p>
            <a:pPr lvl="1"/>
            <a:r>
              <a:rPr lang="en-US" dirty="0"/>
              <a:t>The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s</a:t>
            </a:r>
            <a:r>
              <a:rPr lang="en-US" dirty="0"/>
              <a:t> class contains utility methods to convert from other common forms to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Callable</a:t>
            </a:r>
            <a:r>
              <a:rPr lang="en-US" dirty="0"/>
              <a:t> classes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7B42677-66BE-107C-A10B-E1D952124E1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6911" y="4488008"/>
            <a:ext cx="3760913" cy="198661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2948FA3C-1BCE-39EA-6492-B0119F06803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206744" y="4338318"/>
            <a:ext cx="5457430" cy="245101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28533909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500"/>
                            </p:stCondLst>
                            <p:childTnLst>
                              <p:par>
                                <p:cTn id="1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2" fill="hold">
                            <p:stCondLst>
                              <p:cond delay="1000"/>
                            </p:stCondLst>
                            <p:childTnLst>
                              <p:par>
                                <p:cTn id="2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1500"/>
                            </p:stCondLst>
                            <p:childTnLst>
                              <p:par>
                                <p:cTn id="2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0" fill="hold">
                            <p:stCondLst>
                              <p:cond delay="2000"/>
                            </p:stCondLst>
                            <p:childTnLst>
                              <p:par>
                                <p:cTn id="3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A2B79B-7F22-7E77-1112-107E5073600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9D4900BF-F704-EA9B-854F-5324F6A4B9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Thread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711E6D-57B0-96DE-8363-482ACD619C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9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C545B0C-550F-6623-645F-22145F003C5A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dirty="0"/>
              <a:t>A </a:t>
            </a:r>
            <a:r>
              <a:rPr lang="en-US" i="1" dirty="0"/>
              <a:t>thread</a:t>
            </a:r>
            <a:r>
              <a:rPr lang="en-US" dirty="0"/>
              <a:t> is a thread of execution in a program. </a:t>
            </a:r>
          </a:p>
          <a:p>
            <a:r>
              <a:rPr lang="en-US" dirty="0"/>
              <a:t>The Java virtual machine allows an application to have multiple threads of execution running concurrently.</a:t>
            </a:r>
          </a:p>
          <a:p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Thread</a:t>
            </a:r>
            <a:r>
              <a:rPr lang="en-US" dirty="0"/>
              <a:t> defines constructors and a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Thread.Builder</a:t>
            </a:r>
            <a:r>
              <a:rPr lang="en-US" dirty="0"/>
              <a:t> to create threads. </a:t>
            </a:r>
          </a:p>
          <a:p>
            <a:r>
              <a:rPr lang="en-US" dirty="0"/>
              <a:t>Starting a thread schedules it to execute its run method. </a:t>
            </a:r>
          </a:p>
          <a:p>
            <a:r>
              <a:rPr lang="en-US" dirty="0"/>
              <a:t>The newly started thread executes concurrently with the thread that caused it to start.</a:t>
            </a:r>
          </a:p>
          <a:p>
            <a:r>
              <a:rPr lang="en-US" dirty="0"/>
              <a:t>A thread terminates if either its run method completes normally, or if its run method completes abruptly and the appropriate uncaught exception handler completes normally or abruptly. </a:t>
            </a:r>
          </a:p>
          <a:p>
            <a:r>
              <a:rPr lang="en-US" dirty="0"/>
              <a:t>With no code left to run, the thread has completed execution. </a:t>
            </a:r>
          </a:p>
          <a:p>
            <a:r>
              <a:rPr lang="en-US" dirty="0"/>
              <a:t>The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join</a:t>
            </a:r>
            <a:r>
              <a:rPr lang="en-US" dirty="0"/>
              <a:t> method can be used to wait for a thread to terminate.</a:t>
            </a:r>
          </a:p>
          <a:p>
            <a:r>
              <a:rPr lang="en-US" dirty="0"/>
              <a:t>Threads have a unique identifier and a name. </a:t>
            </a:r>
          </a:p>
          <a:p>
            <a:pPr lvl="1"/>
            <a:r>
              <a:rPr lang="en-US" dirty="0"/>
              <a:t>The identifier is generated when a Thread is created and cannot be changed.</a:t>
            </a:r>
          </a:p>
          <a:p>
            <a:pPr lvl="1"/>
            <a:r>
              <a:rPr lang="en-US" dirty="0"/>
              <a:t>The thread name can be specified when creating a thread or can be changed at a later time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6534667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3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898CD1-6353-75B3-EC15-E417211A925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F21DEA0-1000-91D7-2486-E96D5FF66EF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9"/>
            <a:ext cx="9030491" cy="5420118"/>
          </a:xfrm>
        </p:spPr>
        <p:txBody>
          <a:bodyPr/>
          <a:lstStyle/>
          <a:p>
            <a:r>
              <a:rPr lang="en-GB" sz="2800" dirty="0"/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-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–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31A37A6-5850-66FF-38BE-3400C21E211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8999370"/>
      </p:ext>
    </p:extLst>
  </p:cSld>
  <p:clrMapOvr>
    <a:masterClrMapping/>
  </p:clrMapOvr>
  <p:transition spd="slow">
    <p:push dir="u"/>
  </p:transition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E14850C-BBDD-BF64-FCA9-65964C709E2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A837052-2149-2223-6CE3-F3982A15B5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Platform Thread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0107AE0-22C0-2B53-2E68-556782CEE3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0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3769B5E-7893-04E8-FC4E-4612C78DB1BC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dirty="0"/>
              <a:t>Thread supports the creation of platform threads that are typically mapped 1:1 to kernel threads scheduled by the operating system. </a:t>
            </a:r>
          </a:p>
          <a:p>
            <a:r>
              <a:rPr lang="en-US" dirty="0"/>
              <a:t>Platform threads will usually have a large stack and other resources that are maintained by the operating system. </a:t>
            </a:r>
          </a:p>
          <a:p>
            <a:r>
              <a:rPr lang="en-US" dirty="0"/>
              <a:t>Platforms threads are suitable for executing all types of tasks but may be a limited resource.</a:t>
            </a:r>
          </a:p>
          <a:p>
            <a:r>
              <a:rPr lang="en-US" dirty="0"/>
              <a:t>Platform threads get an automatically generated thread name by default.</a:t>
            </a:r>
          </a:p>
          <a:p>
            <a:r>
              <a:rPr lang="en-US" dirty="0"/>
              <a:t>Platform threads are designated daemon or non-daemon threads. </a:t>
            </a:r>
          </a:p>
          <a:p>
            <a:pPr lvl="1"/>
            <a:r>
              <a:rPr lang="en-US" dirty="0"/>
              <a:t>When the Java virtual machine starts up, there is usually one non-daemon thread (the thread that typically calls the application's main method). </a:t>
            </a:r>
          </a:p>
          <a:p>
            <a:r>
              <a:rPr lang="en-US" dirty="0"/>
              <a:t>The shutdown sequence begins when all started non-daemon threads have terminated. </a:t>
            </a:r>
            <a:r>
              <a:rPr lang="en-US" dirty="0" err="1"/>
              <a:t>Unstarted</a:t>
            </a:r>
            <a:r>
              <a:rPr lang="en-US" dirty="0"/>
              <a:t> non-daemon threads do not prevent the shutdown sequence from beginning.</a:t>
            </a:r>
          </a:p>
          <a:p>
            <a:r>
              <a:rPr lang="en-US" dirty="0"/>
              <a:t>In addition to the daemon status, platform threads have a thread priority and are members of a thread group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3477255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38A6C65-F90E-CC54-CDCA-F7C75126986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2ABBCF6A-D37E-9B0A-F546-C1DF3B3463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Virtual Thread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5E48A5-96D4-6B21-517B-DEED28BDB5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1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76490728-F8E1-158B-CFE1-1BD6547F29F8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 fontScale="92500" lnSpcReduction="20000"/>
          </a:bodyPr>
          <a:lstStyle/>
          <a:p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Thread</a:t>
            </a:r>
            <a:r>
              <a:rPr lang="en-US" dirty="0"/>
              <a:t> also supports the creation of virtual threads. </a:t>
            </a:r>
          </a:p>
          <a:p>
            <a:r>
              <a:rPr lang="en-US" dirty="0"/>
              <a:t>Virtual threads are typically user-mode threads scheduled by the Java runtime rather than the operating system. </a:t>
            </a:r>
          </a:p>
          <a:p>
            <a:r>
              <a:rPr lang="en-US" dirty="0"/>
              <a:t>Virtual threads will typically require few resources and a single Java virtual machine may support millions of virtual threads. </a:t>
            </a:r>
          </a:p>
          <a:p>
            <a:r>
              <a:rPr lang="en-US" dirty="0"/>
              <a:t>Virtual threads are suitable for executing tasks that spend most of the time blocked, often waiting for I/O operations to complete. </a:t>
            </a:r>
          </a:p>
          <a:p>
            <a:r>
              <a:rPr lang="en-US" dirty="0">
                <a:solidFill>
                  <a:srgbClr val="FF0000"/>
                </a:solidFill>
              </a:rPr>
              <a:t>Virtual threads are not intended for long running CPU intensive operations.</a:t>
            </a:r>
          </a:p>
          <a:p>
            <a:r>
              <a:rPr lang="en-US" dirty="0"/>
              <a:t>Virtual threads typically employ a small set of platform threads used as carrier threads. </a:t>
            </a:r>
          </a:p>
          <a:p>
            <a:pPr lvl="1"/>
            <a:r>
              <a:rPr lang="en-US" dirty="0"/>
              <a:t>Locking and I/O operations are examples of operations where a carrier thread may be re-scheduled from one virtual thread to another. </a:t>
            </a:r>
          </a:p>
          <a:p>
            <a:pPr lvl="1"/>
            <a:r>
              <a:rPr lang="en-US" dirty="0"/>
              <a:t>Code executing in a virtual thread is not aware of the underlying carrier thread. </a:t>
            </a:r>
          </a:p>
          <a:p>
            <a:r>
              <a:rPr lang="en-US" dirty="0"/>
              <a:t>The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currentThread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()</a:t>
            </a:r>
            <a:r>
              <a:rPr lang="en-US" dirty="0"/>
              <a:t> method, used to obtain a reference to the current thread, will always return the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Thread</a:t>
            </a:r>
            <a:r>
              <a:rPr lang="en-US" dirty="0"/>
              <a:t> object for the virtual thread.</a:t>
            </a:r>
          </a:p>
          <a:p>
            <a:r>
              <a:rPr lang="en-US" dirty="0"/>
              <a:t>Virtual threads do not have a thread name by default. The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getName</a:t>
            </a:r>
            <a:r>
              <a:rPr lang="en-US" dirty="0"/>
              <a:t> method returns the empty string if a thread name is not set.</a:t>
            </a:r>
          </a:p>
          <a:p>
            <a:r>
              <a:rPr lang="en-US" dirty="0"/>
              <a:t>Virtual threads are daemon threads and so do not prevent the shutdown sequence from beginning. </a:t>
            </a:r>
          </a:p>
          <a:p>
            <a:r>
              <a:rPr lang="en-US" dirty="0"/>
              <a:t>Virtual threads have a fixed thread priority that cannot be changed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1061812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4" fill="hold">
                      <p:stCondLst>
                        <p:cond delay="indefinite"/>
                      </p:stCondLst>
                      <p:childTnLst>
                        <p:par>
                          <p:cTn id="45" fill="hold">
                            <p:stCondLst>
                              <p:cond delay="0"/>
                            </p:stCondLst>
                            <p:childTnLst>
                              <p:par>
                                <p:cTn id="4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3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4" fill="hold">
                      <p:stCondLst>
                        <p:cond delay="indefinite"/>
                      </p:stCondLst>
                      <p:childTnLst>
                        <p:par>
                          <p:cTn id="55" fill="hold">
                            <p:stCondLst>
                              <p:cond delay="0"/>
                            </p:stCondLst>
                            <p:childTnLst>
                              <p:par>
                                <p:cTn id="5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8" dur="500"/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/>
    </p:bldLst>
  </p:timing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D8445F9-0AFB-5703-FF53-9AAEC7B08BA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F5947182-D705-A607-F789-4CC0AE6AB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Thread exampl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BF02505-61A9-2CA6-6EFB-FF95C07CA5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2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7C4CCE3-0964-D918-D744-566793D1D9CB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 fontScale="77500" lnSpcReduction="20000"/>
          </a:bodyPr>
          <a:lstStyle/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</a:t>
            </a:r>
            <a:r>
              <a:rPr lang="en-US" b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>
                <a:latin typeface="Aptos Mono" panose="020B0009020202020204" pitchFamily="49" charset="0"/>
              </a:rPr>
              <a:t> </a:t>
            </a:r>
            <a:r>
              <a:rPr lang="en-US" b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>
                <a:latin typeface="Aptos Mono" panose="020B0009020202020204" pitchFamily="49" charset="0"/>
              </a:rPr>
              <a:t> = ...</a:t>
            </a:r>
          </a:p>
          <a:p>
            <a:pPr marL="0" indent="0">
              <a:buNone/>
            </a:pPr>
            <a:endParaRPr lang="en-US" dirty="0">
              <a:latin typeface="Aptos Mono" panose="020B0009020202020204" pitchFamily="49" charset="0"/>
            </a:endParaRP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// Start a daemon thread to run a task</a:t>
            </a: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</a:t>
            </a:r>
            <a:r>
              <a:rPr lang="en-US" b="1" dirty="0">
                <a:latin typeface="Aptos Mono" panose="020B0009020202020204" pitchFamily="49" charset="0"/>
              </a:rPr>
              <a:t>Thread</a:t>
            </a:r>
            <a:r>
              <a:rPr lang="en-US" dirty="0">
                <a:latin typeface="Aptos Mono" panose="020B0009020202020204" pitchFamily="49" charset="0"/>
              </a:rPr>
              <a:t> </a:t>
            </a:r>
            <a:r>
              <a:rPr lang="en-US" dirty="0" err="1">
                <a:latin typeface="Aptos Mono" panose="020B0009020202020204" pitchFamily="49" charset="0"/>
              </a:rPr>
              <a:t>thread</a:t>
            </a:r>
            <a:r>
              <a:rPr lang="en-US" dirty="0">
                <a:latin typeface="Aptos Mono" panose="020B0009020202020204" pitchFamily="49" charset="0"/>
              </a:rPr>
              <a:t> = </a:t>
            </a:r>
            <a:r>
              <a:rPr lang="en-US" dirty="0" err="1">
                <a:latin typeface="Aptos Mono" panose="020B0009020202020204" pitchFamily="49" charset="0"/>
              </a:rPr>
              <a:t>Thread.</a:t>
            </a:r>
            <a:r>
              <a:rPr lang="en-US" b="1" dirty="0" err="1">
                <a:latin typeface="Aptos Mono" panose="020B0009020202020204" pitchFamily="49" charset="0"/>
              </a:rPr>
              <a:t>ofPlatform</a:t>
            </a:r>
            <a:r>
              <a:rPr lang="en-US" dirty="0">
                <a:latin typeface="Aptos Mono" panose="020B0009020202020204" pitchFamily="49" charset="0"/>
              </a:rPr>
              <a:t>().daemon().start(</a:t>
            </a:r>
            <a:r>
              <a:rPr lang="en-US" b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>
                <a:latin typeface="Aptos Mono" panose="020B0009020202020204" pitchFamily="49" charset="0"/>
              </a:rPr>
              <a:t>);</a:t>
            </a:r>
          </a:p>
          <a:p>
            <a:pPr marL="0" indent="0">
              <a:buNone/>
            </a:pPr>
            <a:endParaRPr lang="en-US" dirty="0">
              <a:latin typeface="Aptos Mono" panose="020B0009020202020204" pitchFamily="49" charset="0"/>
            </a:endParaRP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// Create an </a:t>
            </a:r>
            <a:r>
              <a:rPr lang="en-US" dirty="0" err="1">
                <a:latin typeface="Aptos Mono" panose="020B0009020202020204" pitchFamily="49" charset="0"/>
              </a:rPr>
              <a:t>unstarted</a:t>
            </a:r>
            <a:r>
              <a:rPr lang="en-US" dirty="0">
                <a:latin typeface="Aptos Mono" panose="020B0009020202020204" pitchFamily="49" charset="0"/>
              </a:rPr>
              <a:t> thread with name "duke", its </a:t>
            </a:r>
            <a:r>
              <a:rPr lang="en-US" i="1" dirty="0">
                <a:latin typeface="Aptos Mono" panose="020B0009020202020204" pitchFamily="49" charset="0"/>
              </a:rPr>
              <a:t>start()</a:t>
            </a:r>
            <a:r>
              <a:rPr lang="en-US" dirty="0">
                <a:latin typeface="Aptos Mono" panose="020B0009020202020204" pitchFamily="49" charset="0"/>
              </a:rPr>
              <a:t> method</a:t>
            </a: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// must be invoked to schedule it to execute.</a:t>
            </a: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</a:t>
            </a:r>
            <a:r>
              <a:rPr lang="en-US" b="1" dirty="0">
                <a:latin typeface="Aptos Mono" panose="020B0009020202020204" pitchFamily="49" charset="0"/>
              </a:rPr>
              <a:t>Thread</a:t>
            </a:r>
            <a:r>
              <a:rPr lang="en-US" dirty="0">
                <a:latin typeface="Aptos Mono" panose="020B0009020202020204" pitchFamily="49" charset="0"/>
              </a:rPr>
              <a:t> </a:t>
            </a:r>
            <a:r>
              <a:rPr lang="en-US" dirty="0" err="1">
                <a:latin typeface="Aptos Mono" panose="020B0009020202020204" pitchFamily="49" charset="0"/>
              </a:rPr>
              <a:t>thread</a:t>
            </a:r>
            <a:r>
              <a:rPr lang="en-US" dirty="0">
                <a:latin typeface="Aptos Mono" panose="020B0009020202020204" pitchFamily="49" charset="0"/>
              </a:rPr>
              <a:t> = </a:t>
            </a:r>
            <a:r>
              <a:rPr lang="en-US" dirty="0" err="1">
                <a:latin typeface="Aptos Mono" panose="020B0009020202020204" pitchFamily="49" charset="0"/>
              </a:rPr>
              <a:t>Thread.</a:t>
            </a:r>
            <a:r>
              <a:rPr lang="en-US" b="1" dirty="0" err="1">
                <a:latin typeface="Aptos Mono" panose="020B0009020202020204" pitchFamily="49" charset="0"/>
              </a:rPr>
              <a:t>ofPlatform</a:t>
            </a:r>
            <a:r>
              <a:rPr lang="en-US" dirty="0">
                <a:latin typeface="Aptos Mono" panose="020B0009020202020204" pitchFamily="49" charset="0"/>
              </a:rPr>
              <a:t>().name("duke").</a:t>
            </a:r>
            <a:r>
              <a:rPr lang="en-US" dirty="0" err="1">
                <a:latin typeface="Aptos Mono" panose="020B0009020202020204" pitchFamily="49" charset="0"/>
              </a:rPr>
              <a:t>unstarted</a:t>
            </a:r>
            <a:r>
              <a:rPr lang="en-US" dirty="0">
                <a:latin typeface="Aptos Mono" panose="020B0009020202020204" pitchFamily="49" charset="0"/>
              </a:rPr>
              <a:t>(</a:t>
            </a:r>
            <a:r>
              <a:rPr lang="en-US" b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>
                <a:latin typeface="Aptos Mono" panose="020B0009020202020204" pitchFamily="49" charset="0"/>
              </a:rPr>
              <a:t>);</a:t>
            </a: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</a:t>
            </a:r>
            <a:r>
              <a:rPr lang="en-US" dirty="0" err="1">
                <a:latin typeface="Aptos Mono" panose="020B0009020202020204" pitchFamily="49" charset="0"/>
              </a:rPr>
              <a:t>thread.start</a:t>
            </a:r>
            <a:r>
              <a:rPr lang="en-US" dirty="0">
                <a:latin typeface="Aptos Mono" panose="020B0009020202020204" pitchFamily="49" charset="0"/>
              </a:rPr>
              <a:t>();</a:t>
            </a:r>
          </a:p>
          <a:p>
            <a:pPr marL="0" indent="0">
              <a:buNone/>
            </a:pPr>
            <a:endParaRPr lang="en-US" dirty="0">
              <a:latin typeface="Aptos Mono" panose="020B0009020202020204" pitchFamily="49" charset="0"/>
            </a:endParaRP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// A </a:t>
            </a:r>
            <a:r>
              <a:rPr lang="en-US" dirty="0" err="1">
                <a:latin typeface="Aptos Mono" panose="020B0009020202020204" pitchFamily="49" charset="0"/>
              </a:rPr>
              <a:t>ThreadFactory</a:t>
            </a:r>
            <a:r>
              <a:rPr lang="en-US" dirty="0">
                <a:latin typeface="Aptos Mono" panose="020B0009020202020204" pitchFamily="49" charset="0"/>
              </a:rPr>
              <a:t> that creates daemon threads named "worker-0", "worker-1", ...</a:t>
            </a: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</a:t>
            </a:r>
            <a:r>
              <a:rPr lang="en-US" b="1" dirty="0" err="1">
                <a:latin typeface="Aptos Mono" panose="020B0009020202020204" pitchFamily="49" charset="0"/>
              </a:rPr>
              <a:t>ThreadFactory</a:t>
            </a:r>
            <a:r>
              <a:rPr lang="en-US" dirty="0">
                <a:latin typeface="Aptos Mono" panose="020B0009020202020204" pitchFamily="49" charset="0"/>
              </a:rPr>
              <a:t> factory = </a:t>
            </a:r>
            <a:r>
              <a:rPr lang="en-US" dirty="0" err="1">
                <a:latin typeface="Aptos Mono" panose="020B0009020202020204" pitchFamily="49" charset="0"/>
              </a:rPr>
              <a:t>Thread.</a:t>
            </a:r>
            <a:r>
              <a:rPr lang="en-US" b="1" dirty="0" err="1">
                <a:latin typeface="Aptos Mono" panose="020B0009020202020204" pitchFamily="49" charset="0"/>
              </a:rPr>
              <a:t>ofPlatform</a:t>
            </a:r>
            <a:r>
              <a:rPr lang="en-US" dirty="0">
                <a:latin typeface="Aptos Mono" panose="020B0009020202020204" pitchFamily="49" charset="0"/>
              </a:rPr>
              <a:t>().daemon().name("worker-", 0).factory();</a:t>
            </a:r>
          </a:p>
          <a:p>
            <a:pPr marL="0" indent="0">
              <a:buNone/>
            </a:pPr>
            <a:endParaRPr lang="en-US" dirty="0">
              <a:latin typeface="Aptos Mono" panose="020B0009020202020204" pitchFamily="49" charset="0"/>
            </a:endParaRP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// Start a virtual thread to run a task</a:t>
            </a: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</a:t>
            </a:r>
            <a:r>
              <a:rPr lang="en-US" b="1" dirty="0">
                <a:latin typeface="Aptos Mono" panose="020B0009020202020204" pitchFamily="49" charset="0"/>
              </a:rPr>
              <a:t>Thread</a:t>
            </a:r>
            <a:r>
              <a:rPr lang="en-US" dirty="0">
                <a:latin typeface="Aptos Mono" panose="020B0009020202020204" pitchFamily="49" charset="0"/>
              </a:rPr>
              <a:t> </a:t>
            </a:r>
            <a:r>
              <a:rPr lang="en-US" dirty="0" err="1">
                <a:latin typeface="Aptos Mono" panose="020B0009020202020204" pitchFamily="49" charset="0"/>
              </a:rPr>
              <a:t>thread</a:t>
            </a:r>
            <a:r>
              <a:rPr lang="en-US" dirty="0">
                <a:latin typeface="Aptos Mono" panose="020B0009020202020204" pitchFamily="49" charset="0"/>
              </a:rPr>
              <a:t> = </a:t>
            </a:r>
            <a:r>
              <a:rPr lang="en-US" dirty="0" err="1">
                <a:latin typeface="Aptos Mono" panose="020B0009020202020204" pitchFamily="49" charset="0"/>
              </a:rPr>
              <a:t>Thread.</a:t>
            </a:r>
            <a:r>
              <a:rPr lang="en-US" b="1" dirty="0" err="1">
                <a:latin typeface="Aptos Mono" panose="020B0009020202020204" pitchFamily="49" charset="0"/>
              </a:rPr>
              <a:t>ofVirtual</a:t>
            </a:r>
            <a:r>
              <a:rPr lang="en-US" dirty="0">
                <a:latin typeface="Aptos Mono" panose="020B0009020202020204" pitchFamily="49" charset="0"/>
              </a:rPr>
              <a:t>().start(</a:t>
            </a:r>
            <a:r>
              <a:rPr lang="en-US" b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>
                <a:latin typeface="Aptos Mono" panose="020B0009020202020204" pitchFamily="49" charset="0"/>
              </a:rPr>
              <a:t>);</a:t>
            </a: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</a:t>
            </a:r>
            <a:r>
              <a:rPr lang="en-US" dirty="0" err="1">
                <a:latin typeface="Aptos Mono" panose="020B0009020202020204" pitchFamily="49" charset="0"/>
              </a:rPr>
              <a:t>thread.startVirtualThread</a:t>
            </a:r>
            <a:r>
              <a:rPr lang="en-US" dirty="0">
                <a:latin typeface="Aptos Mono" panose="020B0009020202020204" pitchFamily="49" charset="0"/>
              </a:rPr>
              <a:t>(</a:t>
            </a:r>
            <a:r>
              <a:rPr lang="en-US" b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>
                <a:latin typeface="Aptos Mono" panose="020B0009020202020204" pitchFamily="49" charset="0"/>
              </a:rPr>
              <a:t>);</a:t>
            </a:r>
          </a:p>
          <a:p>
            <a:pPr marL="0" indent="0">
              <a:buNone/>
            </a:pPr>
            <a:endParaRPr lang="en-US" dirty="0">
              <a:latin typeface="Aptos Mono" panose="020B0009020202020204" pitchFamily="49" charset="0"/>
            </a:endParaRP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// A </a:t>
            </a:r>
            <a:r>
              <a:rPr lang="en-US" dirty="0" err="1">
                <a:latin typeface="Aptos Mono" panose="020B0009020202020204" pitchFamily="49" charset="0"/>
              </a:rPr>
              <a:t>ThreadFactory</a:t>
            </a:r>
            <a:r>
              <a:rPr lang="en-US" dirty="0">
                <a:latin typeface="Aptos Mono" panose="020B0009020202020204" pitchFamily="49" charset="0"/>
              </a:rPr>
              <a:t> that creates virtual threads</a:t>
            </a:r>
          </a:p>
          <a:p>
            <a:pPr marL="0" indent="0">
              <a:buNone/>
            </a:pPr>
            <a:r>
              <a:rPr lang="en-US" dirty="0">
                <a:latin typeface="Aptos Mono" panose="020B0009020202020204" pitchFamily="49" charset="0"/>
              </a:rPr>
              <a:t>   </a:t>
            </a:r>
            <a:r>
              <a:rPr lang="en-US" b="1" dirty="0" err="1">
                <a:latin typeface="Aptos Mono" panose="020B0009020202020204" pitchFamily="49" charset="0"/>
              </a:rPr>
              <a:t>ThreadFactory</a:t>
            </a:r>
            <a:r>
              <a:rPr lang="en-US" dirty="0">
                <a:latin typeface="Aptos Mono" panose="020B0009020202020204" pitchFamily="49" charset="0"/>
              </a:rPr>
              <a:t> factory = </a:t>
            </a:r>
            <a:r>
              <a:rPr lang="en-US" dirty="0" err="1">
                <a:latin typeface="Aptos Mono" panose="020B0009020202020204" pitchFamily="49" charset="0"/>
              </a:rPr>
              <a:t>Thread.</a:t>
            </a:r>
            <a:r>
              <a:rPr lang="en-US" b="1" dirty="0" err="1">
                <a:latin typeface="Aptos Mono" panose="020B0009020202020204" pitchFamily="49" charset="0"/>
              </a:rPr>
              <a:t>ofVirtual</a:t>
            </a:r>
            <a:r>
              <a:rPr lang="en-US" dirty="0">
                <a:latin typeface="Aptos Mono" panose="020B0009020202020204" pitchFamily="49" charset="0"/>
              </a:rPr>
              <a:t>().factory();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42463645"/>
      </p:ext>
    </p:extLst>
  </p:cSld>
  <p:clrMapOvr>
    <a:masterClrMapping/>
  </p:clrMapOvr>
  <p:transition spd="slow">
    <p:push dir="u"/>
  </p:transition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D0D023-4782-6082-B0ED-88175FD7ED7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47512ED-EEFA-2024-CCE2-8AA7730B4A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Executor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BE28BE-AA2C-E7A0-D9EB-5D6B2B5E16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3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849D1EE-DFF8-968C-1852-6AE0575ECE54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dirty="0"/>
              <a:t>An object that executes submitted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/>
              <a:t> tasks. </a:t>
            </a:r>
          </a:p>
          <a:p>
            <a:r>
              <a:rPr lang="en-US" dirty="0"/>
              <a:t>This interface provides a way of decoupling task submission from the mechanics of how each task will be run, including details of thread use, scheduling, etc. </a:t>
            </a:r>
          </a:p>
          <a:p>
            <a:r>
              <a:rPr lang="en-US" dirty="0"/>
              <a:t>An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</a:t>
            </a:r>
            <a:r>
              <a:rPr lang="en-US" dirty="0"/>
              <a:t> is normally used instead of explicitly creating threads. Rather than invoking </a:t>
            </a:r>
            <a:br>
              <a:rPr lang="en-US" dirty="0"/>
            </a:br>
            <a:r>
              <a:rPr lang="en-US" dirty="0"/>
              <a:t>	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new Thread(new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Task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()).start()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/>
              <a:t>for each of a set of tasks, you might use</a:t>
            </a:r>
            <a:br>
              <a:rPr lang="en-US" dirty="0"/>
            </a:br>
            <a:r>
              <a:rPr lang="en-US" dirty="0"/>
              <a:t>	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.execute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(new RunnableTask1())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39DDC6C-C9E8-C07E-5B51-C7AD01CFC71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118733" y="3724272"/>
            <a:ext cx="7588791" cy="303319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0947617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9D97BF-BADA-F526-5802-1E37C0FF9F5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D9F0393-DEE1-6FA6-127C-5BD84D3578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</a:t>
            </a:r>
            <a:r>
              <a:rPr lang="en-GB" dirty="0" err="1"/>
              <a:t>ExecutorServic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E815BBD-0D10-7A0F-97DB-A305F88ECB0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4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0437C7B-C0B0-A089-84F9-96B1EA2B2653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Service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 </a:t>
            </a:r>
            <a:r>
              <a:rPr lang="en-US" b="1" i="1" dirty="0">
                <a:latin typeface="Aptos Mono" panose="020B0009020202020204" pitchFamily="49" charset="0"/>
              </a:rPr>
              <a:t>implements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 Executor</a:t>
            </a:r>
            <a:endParaRPr lang="en-US" dirty="0"/>
          </a:p>
          <a:p>
            <a:r>
              <a:rPr lang="en-US" dirty="0"/>
              <a:t>An Executor that provides methods to manage termination and methods that can produce a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Future</a:t>
            </a:r>
            <a:r>
              <a:rPr lang="en-US" dirty="0"/>
              <a:t> for tracking the progress of one or more asynchronous tasks.</a:t>
            </a:r>
          </a:p>
          <a:p>
            <a:r>
              <a:rPr lang="en-US" dirty="0"/>
              <a:t>Two different methods are provided for shutting down an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Service</a:t>
            </a:r>
            <a:r>
              <a:rPr lang="en-US" dirty="0"/>
              <a:t>. </a:t>
            </a:r>
          </a:p>
          <a:p>
            <a:r>
              <a:rPr lang="en-US" dirty="0"/>
              <a:t>The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shutdown</a:t>
            </a:r>
            <a:r>
              <a:rPr lang="en-US" dirty="0"/>
              <a:t> method will allow previously submitted tasks to execute before terminating, while the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shutdownNow</a:t>
            </a:r>
            <a:r>
              <a:rPr lang="en-US" dirty="0"/>
              <a:t> method prevents waiting tasks from starting and attempts to stop currently executing tasks. </a:t>
            </a:r>
          </a:p>
          <a:p>
            <a:r>
              <a:rPr lang="en-US" dirty="0"/>
              <a:t>Upon termination, an executor has no tasks actively executing, no tasks awaiting execution, and no new tasks can be submitted. </a:t>
            </a:r>
          </a:p>
          <a:p>
            <a:r>
              <a:rPr lang="en-US" dirty="0"/>
              <a:t>An unused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Service</a:t>
            </a:r>
            <a:r>
              <a:rPr lang="en-US" dirty="0"/>
              <a:t> should be shut down to allow the reclamation of its resources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9298335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08F4547-CE2E-4A13-DB22-ABC1C2D3325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9E03673F-91A7-479A-55A8-46E26016DB3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</a:t>
            </a:r>
            <a:r>
              <a:rPr lang="en-GB" dirty="0" err="1"/>
              <a:t>ExecutorServic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785DEA9-20F6-4363-1400-D983DBC9BC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5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6E88364-89D2-50AD-AA0E-8593053A9BB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98853" y="1133474"/>
            <a:ext cx="9417747" cy="495338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78190960"/>
      </p:ext>
    </p:extLst>
  </p:cSld>
  <p:clrMapOvr>
    <a:masterClrMapping/>
  </p:clrMapOvr>
  <p:transition spd="slow">
    <p:push dir="u"/>
  </p:transition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0C75924-3ADB-3DCF-8A30-6325720113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05256C1D-4BA4-45BD-CB06-E4471AC05C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Executor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EF3F9DB-2827-F117-80B9-A4F22C1FF7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6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5B14864-AF5D-B0EC-B519-AC3C01AF78DA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dirty="0"/>
              <a:t>Factory and utility methods for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,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Service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,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ScheduledExecutorService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,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ThreadFactory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,</a:t>
            </a:r>
            <a:r>
              <a:rPr lang="en-US" dirty="0"/>
              <a:t> and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Callable</a:t>
            </a:r>
            <a:r>
              <a:rPr lang="en-US" dirty="0"/>
              <a:t> classes defined in this package. </a:t>
            </a:r>
          </a:p>
          <a:p>
            <a:r>
              <a:rPr lang="en-US" dirty="0"/>
              <a:t>This class supports the following kinds of methods:</a:t>
            </a:r>
          </a:p>
          <a:p>
            <a:pPr lvl="1"/>
            <a:r>
              <a:rPr lang="en-US" dirty="0"/>
              <a:t>Methods that create and return an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Service</a:t>
            </a:r>
            <a:r>
              <a:rPr lang="en-US" dirty="0"/>
              <a:t> set up with commonly useful configuration settings.</a:t>
            </a:r>
          </a:p>
          <a:p>
            <a:pPr lvl="1"/>
            <a:r>
              <a:rPr lang="en-US" dirty="0"/>
              <a:t>Methods that create and return a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ScheduledExecutorService</a:t>
            </a:r>
            <a:r>
              <a:rPr lang="en-US" dirty="0"/>
              <a:t> set up with commonly useful configuration settings.</a:t>
            </a:r>
          </a:p>
          <a:p>
            <a:pPr lvl="1"/>
            <a:r>
              <a:rPr lang="en-US" dirty="0"/>
              <a:t>Methods that create and return a "wrapped"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Service</a:t>
            </a:r>
            <a:r>
              <a:rPr lang="en-US" dirty="0"/>
              <a:t>, that disables reconfiguration by making implementation-specific methods inaccessible.</a:t>
            </a:r>
          </a:p>
          <a:p>
            <a:pPr lvl="1"/>
            <a:r>
              <a:rPr lang="en-US" dirty="0"/>
              <a:t>Methods that create and return a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ThreadFactory</a:t>
            </a:r>
            <a:r>
              <a:rPr lang="en-US" dirty="0"/>
              <a:t> that sets newly created threads to a known state.</a:t>
            </a:r>
          </a:p>
          <a:p>
            <a:pPr lvl="1"/>
            <a:r>
              <a:rPr lang="en-US" dirty="0"/>
              <a:t>Methods that create and return a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Callable</a:t>
            </a:r>
            <a:r>
              <a:rPr lang="en-US" dirty="0"/>
              <a:t> out of other closure-like forms, so they can be used in execution methods requiring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Callable</a:t>
            </a:r>
            <a:r>
              <a:rPr lang="en-US" dirty="0"/>
              <a:t>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4978759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000"/>
                            </p:stCondLst>
                            <p:childTnLst>
                              <p:par>
                                <p:cTn id="18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1500"/>
                            </p:stCondLst>
                            <p:childTnLst>
                              <p:par>
                                <p:cTn id="22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2000"/>
                            </p:stCondLst>
                            <p:childTnLst>
                              <p:par>
                                <p:cTn id="26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2500"/>
                            </p:stCondLst>
                            <p:childTnLst>
                              <p:par>
                                <p:cTn id="30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B8AE473-DCF4-B305-5379-887A5DAF9EA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ED10D6F-FBAA-F704-1575-96230F88DD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– Executor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0339E0E-7579-040F-1DF6-A72468861A3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7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6ED92AA-4D84-B3F2-F481-5EAF81B8676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5738" y="811929"/>
            <a:ext cx="11517332" cy="443927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89E40F2-D83B-5CB2-2AA9-CC83AEECA92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85738" y="5327463"/>
            <a:ext cx="9278645" cy="1343212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618416D1-4CE8-1689-55CD-444C3D2233B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789389" y="1497825"/>
            <a:ext cx="9326277" cy="3067478"/>
          </a:xfrm>
          <a:prstGeom prst="rect">
            <a:avLst/>
          </a:prstGeom>
          <a:ln w="19050">
            <a:solidFill>
              <a:srgbClr val="FF000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86900313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D3A24DE-4567-B36A-525E-FC1BEDB2508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F597E1EA-8C82-9833-1B1A-0B7D60796F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- Futur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009B70F-22C9-F888-3129-C9D117C2C3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8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551C63AE-73A0-AAC3-4725-F14E72B09DE7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dirty="0"/>
              <a:t>A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Future&lt;&gt;</a:t>
            </a:r>
            <a:r>
              <a:rPr lang="en-US" dirty="0"/>
              <a:t> represents the result of an asynchronous computation. </a:t>
            </a:r>
          </a:p>
          <a:p>
            <a:r>
              <a:rPr lang="en-US" dirty="0"/>
              <a:t>Methods are provided to check if the computation is complete, </a:t>
            </a:r>
          </a:p>
          <a:p>
            <a:pPr lvl="1"/>
            <a:r>
              <a:rPr lang="en-US" dirty="0"/>
              <a:t>to wait for its completion, </a:t>
            </a:r>
          </a:p>
          <a:p>
            <a:pPr lvl="1"/>
            <a:r>
              <a:rPr lang="en-US" dirty="0"/>
              <a:t>to retrieve the result of the computation. </a:t>
            </a:r>
          </a:p>
          <a:p>
            <a:r>
              <a:rPr lang="en-US" dirty="0"/>
              <a:t>The result can only be retrieved using the method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get</a:t>
            </a:r>
            <a:r>
              <a:rPr lang="en-US" dirty="0"/>
              <a:t> when the computation has completed, blocking if necessary until it is ready. </a:t>
            </a:r>
          </a:p>
          <a:p>
            <a:r>
              <a:rPr lang="en-US" dirty="0"/>
              <a:t>Cancellation is performed by the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cancel</a:t>
            </a:r>
            <a:r>
              <a:rPr lang="en-US" dirty="0"/>
              <a:t> method. </a:t>
            </a:r>
          </a:p>
          <a:p>
            <a:r>
              <a:rPr lang="en-US" dirty="0"/>
              <a:t>Additional methods are provided to determine if the task was completed normally or was cancelled. </a:t>
            </a:r>
          </a:p>
          <a:p>
            <a:r>
              <a:rPr lang="en-US" dirty="0"/>
              <a:t>Once a computation has been completed, the computation cannot be cancelled. </a:t>
            </a:r>
          </a:p>
          <a:p>
            <a:r>
              <a:rPr lang="en-US" dirty="0"/>
              <a:t>If you would like to use a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Future&lt;&gt;</a:t>
            </a:r>
            <a:r>
              <a:rPr lang="en-US" dirty="0"/>
              <a:t> for the sake of cancellability but not provide a usable result, you can declare types of the form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Future&lt;?&gt;</a:t>
            </a:r>
            <a:r>
              <a:rPr lang="en-US" dirty="0"/>
              <a:t> and return null as a result of the underlying task.</a:t>
            </a:r>
          </a:p>
          <a:p>
            <a:r>
              <a:rPr lang="en-US" dirty="0"/>
              <a:t>The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FutureTask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&lt;&gt;</a:t>
            </a:r>
            <a:r>
              <a:rPr lang="en-US" dirty="0"/>
              <a:t> class is an implementation of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Future</a:t>
            </a:r>
            <a:r>
              <a:rPr lang="en-US" dirty="0"/>
              <a:t> that implements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Runnable</a:t>
            </a:r>
            <a:r>
              <a:rPr lang="en-US" dirty="0"/>
              <a:t>, and so may be executed by an </a:t>
            </a:r>
            <a:r>
              <a:rPr lang="en-US" b="1" i="1" dirty="0">
                <a:solidFill>
                  <a:schemeClr val="accent1">
                    <a:lumMod val="75000"/>
                    <a:lumOff val="25000"/>
                  </a:schemeClr>
                </a:solidFill>
                <a:latin typeface="Aptos Mono" panose="020B0009020202020204" pitchFamily="49" charset="0"/>
              </a:rPr>
              <a:t>Executor</a:t>
            </a:r>
            <a:r>
              <a:rPr lang="en-US" dirty="0"/>
              <a:t>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15419885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4" fill="hold">
                      <p:stCondLst>
                        <p:cond delay="indefinite"/>
                      </p:stCondLst>
                      <p:childTnLst>
                        <p:par>
                          <p:cTn id="45" fill="hold">
                            <p:stCondLst>
                              <p:cond delay="0"/>
                            </p:stCondLst>
                            <p:childTnLst>
                              <p:par>
                                <p:cTn id="4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/>
    </p:bldLst>
  </p:timing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1F2302-40CD-E08D-DE76-798E26FE144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5F2C735-1E5D-9E82-17CD-498CFB8522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- Futur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D8AB0AB-FFE5-20C2-04DF-7A6E6DEB72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9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3070788-D93A-0AFC-5B04-CAB8BDA368E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8630" y="767395"/>
            <a:ext cx="2843343" cy="3392625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06DA995F-3B72-C31B-8A52-7112138C545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660409" y="1515659"/>
            <a:ext cx="5472961" cy="264436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44C4BB23-597D-6656-9994-035411B754C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3864" y="5955638"/>
            <a:ext cx="5874517" cy="715037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13191482-9810-F79B-B97D-7AAD3115C461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942165" y="767395"/>
            <a:ext cx="3696216" cy="510611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02478714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5ADFF0-8F22-2523-626F-6D96CC41C49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FE4B8EA-2091-8E31-A6BA-8ABE98C38D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hat is JavaFX?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E73282E-67CA-73FB-9059-BDF417D66F66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Announced May 2007</a:t>
            </a:r>
          </a:p>
          <a:p>
            <a:r>
              <a:rPr lang="en-GB" dirty="0"/>
              <a:t>Preview end of July 2008, release December 2008</a:t>
            </a: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October 10, 2011, JavaFX 2.0</a:t>
            </a: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JavaFX 11 was first shipped in September 2018 (no longer bundled with JDK, openjfx.io Gluon).</a:t>
            </a:r>
          </a:p>
          <a:p>
            <a:r>
              <a:rPr lang="en-GB" dirty="0"/>
              <a:t>Allows building GUI with windows/frames.</a:t>
            </a:r>
          </a:p>
          <a:p>
            <a:r>
              <a:rPr lang="en-GB" dirty="0"/>
              <a:t>AWT, Swing, JavaFX, Eclipse SWT (</a:t>
            </a:r>
            <a:r>
              <a:rPr lang="en-GB" dirty="0" err="1"/>
              <a:t>DBeaver</a:t>
            </a:r>
            <a:r>
              <a:rPr lang="en-GB" dirty="0"/>
              <a:t>).</a:t>
            </a:r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5E90C9-8A15-F022-3ED4-15DD64BE90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5310666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2500"/>
                            </p:stCondLst>
                            <p:childTnLst>
                              <p:par>
                                <p:cTn id="2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436799-154C-3493-3355-B8AA8F8B986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95083BC-9DEF-0121-B847-B3F14450FC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- </a:t>
            </a:r>
            <a:r>
              <a:rPr lang="en-GB" dirty="0" err="1"/>
              <a:t>CompletableFutur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C510A28-AA90-080B-CD2C-2EF9565401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0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2AE5474-BEF0-468F-1C95-B2B1AD498E38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b="0" i="0" dirty="0">
                <a:solidFill>
                  <a:srgbClr val="222635"/>
                </a:solidFill>
                <a:effectLst/>
              </a:rPr>
              <a:t>Java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effectLst/>
                <a:latin typeface="Aptos Mono" panose="020B0009020202020204" pitchFamily="49" charset="0"/>
              </a:rPr>
              <a:t>CompletableFuture</a:t>
            </a:r>
            <a:r>
              <a:rPr lang="en-US" b="0" i="0" dirty="0">
                <a:solidFill>
                  <a:srgbClr val="222635"/>
                </a:solidFill>
                <a:effectLst/>
              </a:rPr>
              <a:t> is a versatile tool for writing </a:t>
            </a:r>
            <a:r>
              <a:rPr lang="en-US" b="0" i="0" u="none" strike="noStrike" dirty="0">
                <a:effectLst/>
              </a:rPr>
              <a:t>asynchronous</a:t>
            </a:r>
            <a:r>
              <a:rPr lang="en-US" b="0" i="0" dirty="0">
                <a:solidFill>
                  <a:srgbClr val="222635"/>
                </a:solidFill>
                <a:effectLst/>
              </a:rPr>
              <a:t>, non-blocking code. </a:t>
            </a:r>
          </a:p>
          <a:p>
            <a:r>
              <a:rPr lang="en-US" b="0" i="0" dirty="0">
                <a:solidFill>
                  <a:srgbClr val="222635"/>
                </a:solidFill>
                <a:effectLst/>
              </a:rPr>
              <a:t>While </a:t>
            </a:r>
            <a:r>
              <a:rPr lang="en-US" b="1" i="1" dirty="0" err="1">
                <a:solidFill>
                  <a:schemeClr val="accent1">
                    <a:lumMod val="75000"/>
                    <a:lumOff val="25000"/>
                  </a:schemeClr>
                </a:solidFill>
                <a:effectLst/>
                <a:latin typeface="Aptos Mono" panose="020B0009020202020204" pitchFamily="49" charset="0"/>
              </a:rPr>
              <a:t>CompletableFuture</a:t>
            </a:r>
            <a:r>
              <a:rPr lang="en-US" b="0" i="0" dirty="0">
                <a:solidFill>
                  <a:srgbClr val="222635"/>
                </a:solidFill>
                <a:effectLst/>
              </a:rPr>
              <a:t> simplifies many aspects of concurrent programming, it's crucial to understand how it works and what capabilities it has. </a:t>
            </a:r>
          </a:p>
          <a:p>
            <a:r>
              <a:rPr lang="en-US" dirty="0">
                <a:hlinkClick r:id="rId5"/>
              </a:rPr>
              <a:t>https://dzone.com/articles/20-examples-of-using-javas-completablefuture</a:t>
            </a:r>
            <a:r>
              <a:rPr lang="en-US" dirty="0"/>
              <a:t> </a:t>
            </a:r>
          </a:p>
          <a:p>
            <a:r>
              <a:rPr lang="en-US" dirty="0">
                <a:hlinkClick r:id="rId6"/>
              </a:rPr>
              <a:t>https://dzone.com/articles/java-8-definitive-guide</a:t>
            </a:r>
            <a:endParaRPr lang="en-US" dirty="0"/>
          </a:p>
          <a:p>
            <a:r>
              <a:rPr lang="en-US" dirty="0">
                <a:hlinkClick r:id="rId7"/>
              </a:rPr>
              <a:t>https://dzone.com/articles/exception-handling-in-java-completablefuture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2209803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500"/>
                            </p:stCondLst>
                            <p:childTnLst>
                              <p:par>
                                <p:cTn id="1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2" fill="hold">
                            <p:stCondLst>
                              <p:cond delay="1000"/>
                            </p:stCondLst>
                            <p:childTnLst>
                              <p:par>
                                <p:cTn id="2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4F72935-1500-0732-B40E-662AB85B91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18FCDC6-940D-65E1-69BD-6C881AFB28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ava concurrent - </a:t>
            </a:r>
            <a:r>
              <a:rPr lang="en-GB" dirty="0" err="1"/>
              <a:t>CompletableFutur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EC7493C-462C-068C-C1CF-69C0E11D5D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1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A6E5221-AB72-7FE5-161B-FDE664E0EBD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5738" y="876203"/>
            <a:ext cx="10621857" cy="4382112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6286B1F-631D-F894-D516-67CB6EC70D5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649554" y="2955407"/>
            <a:ext cx="10355120" cy="3715268"/>
          </a:xfrm>
          <a:prstGeom prst="rect">
            <a:avLst/>
          </a:prstGeom>
          <a:ln w="19050">
            <a:solidFill>
              <a:srgbClr val="FF0000"/>
            </a:solidFill>
          </a:ln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EB3DBC9E-265D-59FF-3A8C-7E455CABA2F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941402" y="1133474"/>
            <a:ext cx="10063272" cy="1292049"/>
          </a:xfrm>
          <a:prstGeom prst="rect">
            <a:avLst/>
          </a:prstGeom>
          <a:ln w="19050">
            <a:solidFill>
              <a:srgbClr val="00B050"/>
            </a:solidFill>
          </a:ln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B19016ED-6C26-E607-ACA8-48453367B5F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17052" y="4657636"/>
            <a:ext cx="9854065" cy="1714287"/>
          </a:xfrm>
          <a:prstGeom prst="rect">
            <a:avLst/>
          </a:prstGeom>
          <a:ln w="19050">
            <a:solidFill>
              <a:srgbClr val="00B0F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8058017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EA58194-9CE3-7CC1-A519-C09A6671CB8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GB" dirty="0"/>
              <a:t>Paweł Gawędzki</a:t>
            </a:r>
          </a:p>
          <a:p>
            <a:r>
              <a:rPr lang="en-GB" dirty="0"/>
              <a:t>pawg@netcompany.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80526366"/>
      </p:ext>
    </p:extLst>
  </p:cSld>
  <p:clrMapOvr>
    <a:masterClrMapping/>
  </p:clrMapOvr>
  <p:transition spd="slow">
    <p:push dir="u"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4E00E1-2164-F968-BB20-951D768894F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FD4946F-1FF6-7687-3275-94B9FDF02B2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9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/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–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–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Java concurren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C221A3E-3F36-44D3-0493-21D7672E49A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0672568"/>
      </p:ext>
    </p:extLst>
  </p:cSld>
  <p:clrMapOvr>
    <a:masterClrMapping/>
  </p:clrMapOvr>
  <p:transition spd="slow">
    <p:push dir="u"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413DAD5-5A7A-B7F7-D9FC-DB132595A5B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7C80F3ED-4908-D02D-0168-3D7E5A3C37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en-GB" dirty="0"/>
              <a:t>Architectur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020CEE0-586F-EB97-8000-17DC8481E043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>
            <a:normAutofit fontScale="92500" lnSpcReduction="10000"/>
          </a:bodyPr>
          <a:lstStyle/>
          <a:p>
            <a:endParaRPr lang="en-US" dirty="0"/>
          </a:p>
          <a:p>
            <a:r>
              <a:rPr lang="en-US" dirty="0"/>
              <a:t>JavaFX public APIs</a:t>
            </a:r>
          </a:p>
          <a:p>
            <a:r>
              <a:rPr lang="en-US" dirty="0"/>
              <a:t>Scene Graph - starting point for constructing a JavaFX application</a:t>
            </a:r>
          </a:p>
          <a:p>
            <a:pPr lvl="1"/>
            <a:r>
              <a:rPr lang="en-US" dirty="0"/>
              <a:t>Hierarchical tree of nodes that represents all of the visual elements of the application's user interface. </a:t>
            </a:r>
          </a:p>
          <a:p>
            <a:pPr lvl="1"/>
            <a:r>
              <a:rPr lang="en-US" dirty="0"/>
              <a:t>It can handle input and can be rendered.</a:t>
            </a:r>
          </a:p>
          <a:p>
            <a:endParaRPr lang="en-US" dirty="0"/>
          </a:p>
          <a:p>
            <a:r>
              <a:rPr lang="en-US" dirty="0"/>
              <a:t>Quantum Toolkit – graphics system, engine that runs JavaFX code. </a:t>
            </a:r>
          </a:p>
          <a:p>
            <a:pPr lvl="1"/>
            <a:r>
              <a:rPr lang="en-US" dirty="0"/>
              <a:t>Prism - JavaFX high performance graphics engine.</a:t>
            </a:r>
          </a:p>
          <a:p>
            <a:pPr lvl="1"/>
            <a:r>
              <a:rPr lang="en-US" dirty="0"/>
              <a:t>Glass Window Toolkit - a small and efficient windowing system, </a:t>
            </a:r>
            <a:br>
              <a:rPr lang="en-US" dirty="0"/>
            </a:br>
            <a:r>
              <a:rPr lang="en-US" dirty="0"/>
              <a:t>the platform-dependent layer that connects the JavaFX platform </a:t>
            </a:r>
            <a:br>
              <a:rPr lang="en-US" dirty="0"/>
            </a:br>
            <a:r>
              <a:rPr lang="en-US" dirty="0"/>
              <a:t>to the native operating system.</a:t>
            </a:r>
          </a:p>
          <a:p>
            <a:pPr lvl="1"/>
            <a:r>
              <a:rPr lang="en-US" dirty="0"/>
              <a:t>Media engine - supports both visual and audio media.</a:t>
            </a:r>
          </a:p>
          <a:p>
            <a:pPr lvl="1"/>
            <a:r>
              <a:rPr lang="en-US" dirty="0"/>
              <a:t>Web engine - based on </a:t>
            </a:r>
            <a:r>
              <a:rPr lang="en-US" dirty="0" err="1"/>
              <a:t>Webkit</a:t>
            </a:r>
            <a:r>
              <a:rPr lang="en-US" dirty="0"/>
              <a:t>, that provides a Web viewer </a:t>
            </a:r>
            <a:br>
              <a:rPr lang="en-US" dirty="0"/>
            </a:br>
            <a:r>
              <a:rPr lang="en-US" dirty="0"/>
              <a:t>and full browsing functionality through its API.</a:t>
            </a:r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pPr marL="0" indent="0">
              <a:buNone/>
            </a:pPr>
            <a:endParaRPr lang="en-GB" sz="110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80E6427-E44D-4F8C-1A56-4C281F062B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 fontScale="25000" lnSpcReduction="20000"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fld id="{23AA811B-2EBD-4900-905E-5BE206449611}" type="slidenum">
              <a:rPr lang="en-GB" sz="300" smtClean="0"/>
              <a:pPr>
                <a:lnSpc>
                  <a:spcPct val="90000"/>
                </a:lnSpc>
                <a:spcAft>
                  <a:spcPts val="600"/>
                </a:spcAft>
              </a:pPr>
              <a:t>7</a:t>
            </a:fld>
            <a:endParaRPr lang="en-GB" sz="300"/>
          </a:p>
        </p:txBody>
      </p:sp>
      <p:pic>
        <p:nvPicPr>
          <p:cNvPr id="2" name="Picture 2" descr="Description of Figure 2-1 follows">
            <a:extLst>
              <a:ext uri="{FF2B5EF4-FFF2-40B4-BE49-F238E27FC236}">
                <a16:creationId xmlns:a16="http://schemas.microsoft.com/office/drawing/2014/main" id="{9B843B6F-004D-A89D-C994-8CC2D83C61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79762" y="242386"/>
            <a:ext cx="5637089" cy="18174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Picture 6" descr="Scene Graph">
            <a:extLst>
              <a:ext uri="{FF2B5EF4-FFF2-40B4-BE49-F238E27FC236}">
                <a16:creationId xmlns:a16="http://schemas.microsoft.com/office/drawing/2014/main" id="{1C674C8C-3B22-957C-64FE-2055AD935BD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54456" y="2849438"/>
            <a:ext cx="3950218" cy="28342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0621601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" fill="hold">
                            <p:stCondLst>
                              <p:cond delay="500"/>
                            </p:stCondLst>
                            <p:childTnLst>
                              <p:par>
                                <p:cTn id="1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1000"/>
                            </p:stCondLst>
                            <p:childTnLst>
                              <p:par>
                                <p:cTn id="1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500"/>
                            </p:stCondLst>
                            <p:childTnLst>
                              <p:par>
                                <p:cTn id="1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20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2500"/>
                            </p:stCondLst>
                            <p:childTnLst>
                              <p:par>
                                <p:cTn id="26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5" fill="hold">
                            <p:stCondLst>
                              <p:cond delay="500"/>
                            </p:stCondLst>
                            <p:childTnLst>
                              <p:par>
                                <p:cTn id="3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9" fill="hold">
                            <p:stCondLst>
                              <p:cond delay="1000"/>
                            </p:stCondLst>
                            <p:childTnLst>
                              <p:par>
                                <p:cTn id="4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3" fill="hold">
                            <p:stCondLst>
                              <p:cond delay="1500"/>
                            </p:stCondLst>
                            <p:childTnLst>
                              <p:par>
                                <p:cTn id="4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7" fill="hold">
                            <p:stCondLst>
                              <p:cond delay="2000"/>
                            </p:stCondLst>
                            <p:childTnLst>
                              <p:par>
                                <p:cTn id="4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37588D-07D0-879A-DDC0-821745EA89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2631896-1978-DB01-A05B-ED0C2D72FB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en-GB" dirty="0"/>
              <a:t>Window – Stage – Scen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4202A9F-B694-9D4B-9BD5-09F9A806085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r>
              <a:rPr lang="en-GB" dirty="0"/>
              <a:t>Window is Stage</a:t>
            </a:r>
          </a:p>
          <a:p>
            <a:r>
              <a:rPr lang="en-GB" dirty="0"/>
              <a:t>Stage contains Scene</a:t>
            </a:r>
          </a:p>
          <a:p>
            <a:r>
              <a:rPr lang="en-GB" dirty="0"/>
              <a:t>Scene (container) consists of Controls</a:t>
            </a:r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pPr marL="0" indent="0">
              <a:buNone/>
            </a:pPr>
            <a:endParaRPr lang="en-GB" sz="110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5BECF59-CD2C-3F2C-577D-9E4EC15097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 fontScale="25000" lnSpcReduction="20000"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fld id="{23AA811B-2EBD-4900-905E-5BE206449611}" type="slidenum">
              <a:rPr lang="en-GB" sz="300" smtClean="0"/>
              <a:pPr>
                <a:lnSpc>
                  <a:spcPct val="90000"/>
                </a:lnSpc>
                <a:spcAft>
                  <a:spcPts val="600"/>
                </a:spcAft>
              </a:pPr>
              <a:t>8</a:t>
            </a:fld>
            <a:endParaRPr lang="en-GB" sz="300"/>
          </a:p>
        </p:txBody>
      </p:sp>
      <p:pic>
        <p:nvPicPr>
          <p:cNvPr id="1026" name="Picture 2" descr="helloworld scenegraph">
            <a:extLst>
              <a:ext uri="{FF2B5EF4-FFF2-40B4-BE49-F238E27FC236}">
                <a16:creationId xmlns:a16="http://schemas.microsoft.com/office/drawing/2014/main" id="{D694E7A4-E12D-45C2-B420-23A999A41A8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916059" y="2499438"/>
            <a:ext cx="4954779" cy="3975181"/>
          </a:xfrm>
          <a:prstGeom prst="rect">
            <a:avLst/>
          </a:prstGeom>
          <a:solidFill>
            <a:srgbClr val="FFFFFF"/>
          </a:solidFill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1547173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3366BCE-C744-7717-D916-F3611CC76B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49D42AF-C9C6-3114-73AE-414F17CE78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UI Control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D96B8BE-8CEC-055E-FAB7-86E6CD0A72A1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Layout (</a:t>
            </a:r>
            <a:r>
              <a:rPr lang="en-GB" dirty="0" err="1"/>
              <a:t>AnchorPane</a:t>
            </a:r>
            <a:r>
              <a:rPr lang="en-GB" dirty="0"/>
              <a:t>, </a:t>
            </a:r>
            <a:r>
              <a:rPr lang="en-GB" dirty="0" err="1"/>
              <a:t>TitledPane</a:t>
            </a:r>
            <a:r>
              <a:rPr lang="en-GB" dirty="0"/>
              <a:t>, </a:t>
            </a:r>
            <a:r>
              <a:rPr lang="en-GB" dirty="0" err="1"/>
              <a:t>Vbox</a:t>
            </a:r>
            <a:r>
              <a:rPr lang="en-GB" dirty="0"/>
              <a:t>, </a:t>
            </a:r>
            <a:r>
              <a:rPr lang="en-GB" dirty="0" err="1"/>
              <a:t>Hbox</a:t>
            </a:r>
            <a:r>
              <a:rPr lang="en-GB" dirty="0"/>
              <a:t>, </a:t>
            </a:r>
            <a:r>
              <a:rPr lang="en-GB" dirty="0" err="1"/>
              <a:t>FlowPane</a:t>
            </a:r>
            <a:r>
              <a:rPr lang="en-GB" dirty="0"/>
              <a:t>, </a:t>
            </a:r>
            <a:r>
              <a:rPr lang="en-GB" dirty="0" err="1"/>
              <a:t>GridPane</a:t>
            </a:r>
            <a:r>
              <a:rPr lang="en-GB" dirty="0"/>
              <a:t> …)</a:t>
            </a:r>
          </a:p>
          <a:p>
            <a:r>
              <a:rPr lang="en-GB" dirty="0"/>
              <a:t>Action based (Button, </a:t>
            </a:r>
            <a:r>
              <a:rPr lang="en-GB" dirty="0" err="1"/>
              <a:t>ListView</a:t>
            </a:r>
            <a:r>
              <a:rPr lang="en-GB" dirty="0"/>
              <a:t>, </a:t>
            </a:r>
            <a:r>
              <a:rPr lang="en-GB" dirty="0" err="1"/>
              <a:t>TextField</a:t>
            </a:r>
            <a:r>
              <a:rPr lang="en-GB" dirty="0"/>
              <a:t> …)</a:t>
            </a:r>
          </a:p>
          <a:p>
            <a:r>
              <a:rPr lang="en-GB" dirty="0"/>
              <a:t>Charts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D64BCC5-CE4A-1D70-5360-06AAB3CBA0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2050" name="Picture 2" descr="Description of Figure 2-3 follows">
            <a:extLst>
              <a:ext uri="{FF2B5EF4-FFF2-40B4-BE49-F238E27FC236}">
                <a16:creationId xmlns:a16="http://schemas.microsoft.com/office/drawing/2014/main" id="{C2632EA0-0430-4E3C-4009-73BE90C6060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417776" y="2187835"/>
            <a:ext cx="5531662" cy="447713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6" name="Picture 2" descr="Types of graphical charts">
            <a:extLst>
              <a:ext uri="{FF2B5EF4-FFF2-40B4-BE49-F238E27FC236}">
                <a16:creationId xmlns:a16="http://schemas.microsoft.com/office/drawing/2014/main" id="{C899AD0B-9E1E-7255-809E-31F438ED889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01269" y="813832"/>
            <a:ext cx="5676900" cy="6038850"/>
          </a:xfrm>
          <a:prstGeom prst="rect">
            <a:avLst/>
          </a:prstGeom>
          <a:noFill/>
          <a:ln w="19050">
            <a:solidFill>
              <a:srgbClr val="718886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89E36C02-2B09-0FDB-8A1C-08028EA6915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510029" y="0"/>
            <a:ext cx="3669351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9582765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500"/>
                            </p:stCondLst>
                            <p:childTnLst>
                              <p:par>
                                <p:cTn id="2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theme/theme1.xml><?xml version="1.0" encoding="utf-8"?>
<a:theme xmlns:a="http://schemas.openxmlformats.org/drawingml/2006/main" name="Netcompany">
  <a:themeElements>
    <a:clrScheme name="Netcompany">
      <a:dk1>
        <a:srgbClr val="141E1E"/>
      </a:dk1>
      <a:lt1>
        <a:sysClr val="window" lastClr="FFFFFF"/>
      </a:lt1>
      <a:dk2>
        <a:srgbClr val="000000"/>
      </a:dk2>
      <a:lt2>
        <a:srgbClr val="D0D7D7"/>
      </a:lt2>
      <a:accent1>
        <a:srgbClr val="123836"/>
      </a:accent1>
      <a:accent2>
        <a:srgbClr val="718886"/>
      </a:accent2>
      <a:accent3>
        <a:srgbClr val="73AA87"/>
      </a:accent3>
      <a:accent4>
        <a:srgbClr val="D0D7D7"/>
      </a:accent4>
      <a:accent5>
        <a:srgbClr val="FF6359"/>
      </a:accent5>
      <a:accent6>
        <a:srgbClr val="FFD282"/>
      </a:accent6>
      <a:hlink>
        <a:srgbClr val="FF6359"/>
      </a:hlink>
      <a:folHlink>
        <a:srgbClr val="FFB1AC"/>
      </a:folHlink>
    </a:clrScheme>
    <a:fontScheme name="Custom 3">
      <a:majorFont>
        <a:latin typeface="Netcompany-Offc"/>
        <a:ea typeface="DengXian"/>
        <a:cs typeface=""/>
      </a:majorFont>
      <a:minorFont>
        <a:latin typeface="Netcompany-Offc"/>
        <a:ea typeface="DengXi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2000" noProof="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lnSpc>
            <a:spcPct val="110000"/>
          </a:lnSpc>
          <a:spcAft>
            <a:spcPts val="600"/>
          </a:spcAft>
          <a:defRPr dirty="0" err="1" smtClean="0"/>
        </a:defPPr>
      </a:lstStyle>
    </a:txDef>
  </a:objectDefaults>
  <a:extraClrSchemeLst/>
  <a:custClrLst>
    <a:custClr name="Dark Green">
      <a:srgbClr val="141E1E"/>
    </a:custClr>
    <a:custClr name="Green">
      <a:srgbClr val="123836"/>
    </a:custClr>
    <a:custClr name="Green 90%">
      <a:srgbClr val="2A4C4A"/>
    </a:custClr>
    <a:custClr name="Green 60%">
      <a:srgbClr val="718886"/>
    </a:custClr>
    <a:custClr name="Green 40%">
      <a:srgbClr val="A0AFAF"/>
    </a:custClr>
    <a:custClr name="Green 30%">
      <a:srgbClr val="B8C3C3"/>
    </a:custClr>
    <a:custClr name="Green 20%">
      <a:srgbClr val="D0D7D7"/>
    </a:custClr>
    <a:custClr name="Green 10%">
      <a:srgbClr val="E7EBEB"/>
    </a:custClr>
    <a:custClr name="NoColor">
      <a:srgbClr val="FFFFFF"/>
    </a:custClr>
    <a:custClr name="Blue">
      <a:srgbClr val="0082FF"/>
    </a:custClr>
    <a:custClr name="Coral">
      <a:srgbClr val="FF6359"/>
    </a:custClr>
    <a:custClr name="Coral 75%">
      <a:srgbClr val="FF8A83"/>
    </a:custClr>
    <a:custClr name="Coral 50%">
      <a:srgbClr val="FFB1AC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Blue 50%">
      <a:srgbClr val="6ECCFF"/>
    </a:custClr>
    <a:custClr name="Yellow">
      <a:srgbClr val="FFD282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Purple">
      <a:srgbClr val="A0A0FF"/>
    </a:custClr>
    <a:custClr name="Green">
      <a:srgbClr val="73AA87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Purple 50%">
      <a:srgbClr val="C2C8FF"/>
    </a:custClr>
  </a:custClrLst>
  <a:extLst>
    <a:ext uri="{05A4C25C-085E-4340-85A3-A5531E510DB2}">
      <thm15:themeFamily xmlns:thm15="http://schemas.microsoft.com/office/thememl/2012/main" name="Netcompany Powerpoint Template" id="{466499A1-3F54-49C3-92BC-E16C21CDB533}" vid="{770C8E34-6514-444F-B5BF-E00410FF75A4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Green">
      <a:srgbClr val="141E1E"/>
    </a:custClr>
    <a:custClr name="Green">
      <a:srgbClr val="123836"/>
    </a:custClr>
    <a:custClr name="Green 90%">
      <a:srgbClr val="2A4C4A"/>
    </a:custClr>
    <a:custClr name="Green 60%">
      <a:srgbClr val="718886"/>
    </a:custClr>
    <a:custClr name="Green 40%">
      <a:srgbClr val="A0AFAF"/>
    </a:custClr>
    <a:custClr name="Green 30%">
      <a:srgbClr val="B8C3C3"/>
    </a:custClr>
    <a:custClr name="Green 20%">
      <a:srgbClr val="D0D7D7"/>
    </a:custClr>
    <a:custClr name="Green 10%">
      <a:srgbClr val="E7EBEB"/>
    </a:custClr>
    <a:custClr name="NoColor">
      <a:srgbClr val="FFFFFF"/>
    </a:custClr>
    <a:custClr name="NoColor">
      <a:srgbClr val="FFFFFF"/>
    </a:custClr>
    <a:custClr name="Coral">
      <a:srgbClr val="FF6359"/>
    </a:custClr>
    <a:custClr name="Coral 75%">
      <a:srgbClr val="FF8A83"/>
    </a:custClr>
    <a:custClr name="Coral 50%">
      <a:srgbClr val="FFB1AC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Yellow">
      <a:srgbClr val="FFD282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Green">
      <a:srgbClr val="73AA87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Green">
      <a:srgbClr val="141E1E"/>
    </a:custClr>
    <a:custClr name="Green">
      <a:srgbClr val="123836"/>
    </a:custClr>
    <a:custClr name="Green 90%">
      <a:srgbClr val="2A4C4A"/>
    </a:custClr>
    <a:custClr name="Green 60%">
      <a:srgbClr val="718886"/>
    </a:custClr>
    <a:custClr name="Green 40%">
      <a:srgbClr val="A0AFAF"/>
    </a:custClr>
    <a:custClr name="Green 30%">
      <a:srgbClr val="B8C3C3"/>
    </a:custClr>
    <a:custClr name="Green 20%">
      <a:srgbClr val="D0D7D7"/>
    </a:custClr>
    <a:custClr name="Green 10%">
      <a:srgbClr val="E7EBEB"/>
    </a:custClr>
    <a:custClr name="NoColor">
      <a:srgbClr val="FFFFFF"/>
    </a:custClr>
    <a:custClr name="NoColor">
      <a:srgbClr val="FFFFFF"/>
    </a:custClr>
    <a:custClr name="Coral">
      <a:srgbClr val="FF6359"/>
    </a:custClr>
    <a:custClr name="Coral 75%">
      <a:srgbClr val="FF8A83"/>
    </a:custClr>
    <a:custClr name="Coral 50%">
      <a:srgbClr val="FFB1AC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Yellow">
      <a:srgbClr val="FFD282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Green">
      <a:srgbClr val="73AA87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5467C5CA-B12F-466D-8317-DBFF445ABBD8}">
  <we:reference id="wa104380278" version="1.0.0.6" store="en-US" storeType="OMEX"/>
  <we:alternateReferences>
    <we:reference id="wa104380278" version="1.0.0.6" store="WA104380278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0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1.xml><?xml version="1.0" encoding="utf-8"?>
<TemplafySlideFormConfiguration><![CDATA[{"formFields":[],"formDataEntries":[]}]]></TemplafySlideFormConfiguration>
</file>

<file path=customXml/item102.xml><?xml version="1.0" encoding="utf-8"?>
<TemplafySlideFormConfiguration><![CDATA[{"formFields":[],"formDataEntries":[]}]]></TemplafySlideFormConfiguration>
</file>

<file path=customXml/item10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4.xml><?xml version="1.0" encoding="utf-8"?>
<TemplafySlideFormConfiguration><![CDATA[{"formFields":[],"formDataEntries":[]}]]></TemplafySlideFormConfiguration>
</file>

<file path=customXml/item10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6.xml><?xml version="1.0" encoding="utf-8"?>
<TemplafySlideFormConfiguration><![CDATA[{"formFields":[],"formDataEntries":[]}]]></TemplafySlideFormConfiguration>
</file>

<file path=customXml/item10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8.xml><?xml version="1.0" encoding="utf-8"?>
<TemplafySlideFormConfiguration><![CDATA[{"formFields":[],"formDataEntries":[]}]]></TemplafySlideFormConfiguration>
</file>

<file path=customXml/item109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FormConfiguration><![CDATA[{"formFields":[],"formDataEntries":[]}]]></TemplafyFormConfiguration>
</file>

<file path=customXml/item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896880363014979584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9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TemplateConfiguration><![CDATA[{"elementsMetadata":[],"transformationConfigurations":[],"templateName":"Netcompany Powerpoint Template","templateDescription":"","enableDocumentContentUpdater":false,"version":"2.0"}]]></TemplafyTemplateConfiguration>
</file>

<file path=customXml/item4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4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4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7.xml><?xml version="1.0" encoding="utf-8"?>
<TemplafySlideTemplateConfiguration><![CDATA[{"slideVersion":1,"isValidatorEnabled":false,"isLocked":false,"elementsMetadata":[],"slideId":"896880363014979587","enableDocumentContentUpdater":false,"version":"2.0"}]]></TemplafySlideTemplateConfiguration>
</file>

<file path=customXml/item5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F990523451A5B42A62F3FEF0EAF9ED3" ma:contentTypeVersion="15" ma:contentTypeDescription="Create a new document." ma:contentTypeScope="" ma:versionID="e267c9baf285ae5e166cf3ecbdd052f0">
  <xsd:schema xmlns:xsd="http://www.w3.org/2001/XMLSchema" xmlns:xs="http://www.w3.org/2001/XMLSchema" xmlns:p="http://schemas.microsoft.com/office/2006/metadata/properties" xmlns:ns2="1f88e692-e867-4d92-ab0a-a3ab2601f354" xmlns:ns3="20f94ec3-e9d0-4dc7-9a84-97b6b322ffba" targetNamespace="http://schemas.microsoft.com/office/2006/metadata/properties" ma:root="true" ma:fieldsID="99202bb9c313033654e3e1f621830458" ns2:_="" ns3:_="">
    <xsd:import namespace="1f88e692-e867-4d92-ab0a-a3ab2601f354"/>
    <xsd:import namespace="20f94ec3-e9d0-4dc7-9a84-97b6b322ffb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88e692-e867-4d92-ab0a-a3ab2601f35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d6837251-29ea-4b68-89a9-9f41a84048d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f94ec3-e9d0-4dc7-9a84-97b6b322ffba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7" nillable="true" ma:displayName="Taxonomy Catch All Column" ma:hidden="true" ma:list="{98437d8b-4e29-4267-84e3-3e6fd8806f61}" ma:internalName="TaxCatchAll" ma:showField="CatchAllData" ma:web="20f94ec3-e9d0-4dc7-9a84-97b6b322ffb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9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9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1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0f94ec3-e9d0-4dc7-9a84-97b6b322ffba" xsi:nil="true"/>
    <lcf76f155ced4ddcb4097134ff3c332f xmlns="1f88e692-e867-4d92-ab0a-a3ab2601f354">
      <Terms xmlns="http://schemas.microsoft.com/office/infopath/2007/PartnerControls"/>
    </lcf76f155ced4ddcb4097134ff3c332f>
  </documentManagement>
</p:properties>
</file>

<file path=customXml/item76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7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8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FormConfiguration><![CDATA[{"formFields":[],"formDataEntries":[]}]]></TemplafySlideForm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8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86.xml><?xml version="1.0" encoding="utf-8"?>
<TemplafySlideFormConfiguration><![CDATA[{"formFields":[],"formDataEntries":[]}]]></TemplafySlideForm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4.xml><?xml version="1.0" encoding="utf-8"?>
<TemplafySlideFormConfiguration><![CDATA[{"formFields":[],"formDataEntries":[]}]]></TemplafySlideFormConfiguration>
</file>

<file path=customXml/item9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7.xml><?xml version="1.0" encoding="utf-8"?>
<TemplafySlideFormConfiguration><![CDATA[{"formFields":[],"formDataEntries":[]}]]></TemplafySlideForm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266AD56-CE8F-48F1-BAC9-749EC3402AD0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C715EE8A-1AAF-4E0D-AB12-8F704A1E1FA6}">
  <ds:schemaRefs/>
</ds:datastoreItem>
</file>

<file path=customXml/itemProps100.xml><?xml version="1.0" encoding="utf-8"?>
<ds:datastoreItem xmlns:ds="http://schemas.openxmlformats.org/officeDocument/2006/customXml" ds:itemID="{6D17987F-44FF-42C2-8D51-2D0D6B5CDAF0}">
  <ds:schemaRefs/>
</ds:datastoreItem>
</file>

<file path=customXml/itemProps101.xml><?xml version="1.0" encoding="utf-8"?>
<ds:datastoreItem xmlns:ds="http://schemas.openxmlformats.org/officeDocument/2006/customXml" ds:itemID="{CA09A247-3785-4826-838E-7F40F1DF8543}">
  <ds:schemaRefs/>
</ds:datastoreItem>
</file>

<file path=customXml/itemProps102.xml><?xml version="1.0" encoding="utf-8"?>
<ds:datastoreItem xmlns:ds="http://schemas.openxmlformats.org/officeDocument/2006/customXml" ds:itemID="{3F40F56A-ED76-4A4D-A9AD-C4B5AC54F485}">
  <ds:schemaRefs/>
</ds:datastoreItem>
</file>

<file path=customXml/itemProps103.xml><?xml version="1.0" encoding="utf-8"?>
<ds:datastoreItem xmlns:ds="http://schemas.openxmlformats.org/officeDocument/2006/customXml" ds:itemID="{3DCEB885-8C2C-41F8-BAD9-5B69E1149BD9}">
  <ds:schemaRefs/>
</ds:datastoreItem>
</file>

<file path=customXml/itemProps104.xml><?xml version="1.0" encoding="utf-8"?>
<ds:datastoreItem xmlns:ds="http://schemas.openxmlformats.org/officeDocument/2006/customXml" ds:itemID="{1968A076-C6A8-47B3-B104-E00839B8F2B4}">
  <ds:schemaRefs/>
</ds:datastoreItem>
</file>

<file path=customXml/itemProps105.xml><?xml version="1.0" encoding="utf-8"?>
<ds:datastoreItem xmlns:ds="http://schemas.openxmlformats.org/officeDocument/2006/customXml" ds:itemID="{3DD78B7C-1055-4BBA-9E6E-C713C73F4FDF}">
  <ds:schemaRefs/>
</ds:datastoreItem>
</file>

<file path=customXml/itemProps106.xml><?xml version="1.0" encoding="utf-8"?>
<ds:datastoreItem xmlns:ds="http://schemas.openxmlformats.org/officeDocument/2006/customXml" ds:itemID="{A4922734-0529-4016-AFA0-4076533244B0}">
  <ds:schemaRefs/>
</ds:datastoreItem>
</file>

<file path=customXml/itemProps107.xml><?xml version="1.0" encoding="utf-8"?>
<ds:datastoreItem xmlns:ds="http://schemas.openxmlformats.org/officeDocument/2006/customXml" ds:itemID="{3B4E9431-7F2A-409D-BCF8-90B669CB055F}">
  <ds:schemaRefs/>
</ds:datastoreItem>
</file>

<file path=customXml/itemProps108.xml><?xml version="1.0" encoding="utf-8"?>
<ds:datastoreItem xmlns:ds="http://schemas.openxmlformats.org/officeDocument/2006/customXml" ds:itemID="{36DCE34C-21FF-458E-84CF-71E3129CE1EF}">
  <ds:schemaRefs/>
</ds:datastoreItem>
</file>

<file path=customXml/itemProps109.xml><?xml version="1.0" encoding="utf-8"?>
<ds:datastoreItem xmlns:ds="http://schemas.openxmlformats.org/officeDocument/2006/customXml" ds:itemID="{F64566E2-67F5-4308-94F1-A40EE55D597A}">
  <ds:schemaRefs/>
</ds:datastoreItem>
</file>

<file path=customXml/itemProps11.xml><?xml version="1.0" encoding="utf-8"?>
<ds:datastoreItem xmlns:ds="http://schemas.openxmlformats.org/officeDocument/2006/customXml" ds:itemID="{5632CD57-C589-4811-9BE0-D08CDFB0AC45}">
  <ds:schemaRefs/>
</ds:datastoreItem>
</file>

<file path=customXml/itemProps12.xml><?xml version="1.0" encoding="utf-8"?>
<ds:datastoreItem xmlns:ds="http://schemas.openxmlformats.org/officeDocument/2006/customXml" ds:itemID="{6F3161C0-A334-45B0-8A18-314B89868AEE}">
  <ds:schemaRefs/>
</ds:datastoreItem>
</file>

<file path=customXml/itemProps13.xml><?xml version="1.0" encoding="utf-8"?>
<ds:datastoreItem xmlns:ds="http://schemas.openxmlformats.org/officeDocument/2006/customXml" ds:itemID="{DF87C1FE-BEC2-46FB-9AE8-3FE009691D51}">
  <ds:schemaRefs/>
</ds:datastoreItem>
</file>

<file path=customXml/itemProps14.xml><?xml version="1.0" encoding="utf-8"?>
<ds:datastoreItem xmlns:ds="http://schemas.openxmlformats.org/officeDocument/2006/customXml" ds:itemID="{3104BD66-87DB-4466-A482-58986AADE85D}">
  <ds:schemaRefs/>
</ds:datastoreItem>
</file>

<file path=customXml/itemProps15.xml><?xml version="1.0" encoding="utf-8"?>
<ds:datastoreItem xmlns:ds="http://schemas.openxmlformats.org/officeDocument/2006/customXml" ds:itemID="{98866C94-9E45-4346-A95E-49D6A2A5A595}">
  <ds:schemaRefs/>
</ds:datastoreItem>
</file>

<file path=customXml/itemProps16.xml><?xml version="1.0" encoding="utf-8"?>
<ds:datastoreItem xmlns:ds="http://schemas.openxmlformats.org/officeDocument/2006/customXml" ds:itemID="{7B4DFAD1-4136-438C-9203-54EFBD0B8DEE}">
  <ds:schemaRefs/>
</ds:datastoreItem>
</file>

<file path=customXml/itemProps17.xml><?xml version="1.0" encoding="utf-8"?>
<ds:datastoreItem xmlns:ds="http://schemas.openxmlformats.org/officeDocument/2006/customXml" ds:itemID="{3EB2477C-7BFC-4660-AE1D-27F361156132}">
  <ds:schemaRefs/>
</ds:datastoreItem>
</file>

<file path=customXml/itemProps18.xml><?xml version="1.0" encoding="utf-8"?>
<ds:datastoreItem xmlns:ds="http://schemas.openxmlformats.org/officeDocument/2006/customXml" ds:itemID="{6341F271-2E09-4B50-BE30-4D3F230E7179}">
  <ds:schemaRefs/>
</ds:datastoreItem>
</file>

<file path=customXml/itemProps19.xml><?xml version="1.0" encoding="utf-8"?>
<ds:datastoreItem xmlns:ds="http://schemas.openxmlformats.org/officeDocument/2006/customXml" ds:itemID="{BCBBE012-9897-4302-846E-08346C3B7BE3}">
  <ds:schemaRefs/>
</ds:datastoreItem>
</file>

<file path=customXml/itemProps2.xml><?xml version="1.0" encoding="utf-8"?>
<ds:datastoreItem xmlns:ds="http://schemas.openxmlformats.org/officeDocument/2006/customXml" ds:itemID="{CC11D3D9-FB3C-44AA-8355-FA1AEF57F1CF}">
  <ds:schemaRefs/>
</ds:datastoreItem>
</file>

<file path=customXml/itemProps20.xml><?xml version="1.0" encoding="utf-8"?>
<ds:datastoreItem xmlns:ds="http://schemas.openxmlformats.org/officeDocument/2006/customXml" ds:itemID="{089129AE-904F-4575-8561-603CB46EEB0D}">
  <ds:schemaRefs/>
</ds:datastoreItem>
</file>

<file path=customXml/itemProps21.xml><?xml version="1.0" encoding="utf-8"?>
<ds:datastoreItem xmlns:ds="http://schemas.openxmlformats.org/officeDocument/2006/customXml" ds:itemID="{EE58E71A-DED5-42F0-BA7E-3103BD5F2DA7}">
  <ds:schemaRefs/>
</ds:datastoreItem>
</file>

<file path=customXml/itemProps22.xml><?xml version="1.0" encoding="utf-8"?>
<ds:datastoreItem xmlns:ds="http://schemas.openxmlformats.org/officeDocument/2006/customXml" ds:itemID="{DE137BE1-BC1D-4B23-B547-BC800CA75273}">
  <ds:schemaRefs/>
</ds:datastoreItem>
</file>

<file path=customXml/itemProps23.xml><?xml version="1.0" encoding="utf-8"?>
<ds:datastoreItem xmlns:ds="http://schemas.openxmlformats.org/officeDocument/2006/customXml" ds:itemID="{0C3CB46F-546E-4676-BB9A-1D434AB8534C}">
  <ds:schemaRefs/>
</ds:datastoreItem>
</file>

<file path=customXml/itemProps24.xml><?xml version="1.0" encoding="utf-8"?>
<ds:datastoreItem xmlns:ds="http://schemas.openxmlformats.org/officeDocument/2006/customXml" ds:itemID="{1082F4CA-DB02-414D-AF29-05D554BE1882}">
  <ds:schemaRefs/>
</ds:datastoreItem>
</file>

<file path=customXml/itemProps25.xml><?xml version="1.0" encoding="utf-8"?>
<ds:datastoreItem xmlns:ds="http://schemas.openxmlformats.org/officeDocument/2006/customXml" ds:itemID="{9018EF54-B4EC-4FD0-828F-4987434B5999}">
  <ds:schemaRefs/>
</ds:datastoreItem>
</file>

<file path=customXml/itemProps26.xml><?xml version="1.0" encoding="utf-8"?>
<ds:datastoreItem xmlns:ds="http://schemas.openxmlformats.org/officeDocument/2006/customXml" ds:itemID="{6101EBAB-34D7-439A-8634-60374EB55248}">
  <ds:schemaRefs/>
</ds:datastoreItem>
</file>

<file path=customXml/itemProps27.xml><?xml version="1.0" encoding="utf-8"?>
<ds:datastoreItem xmlns:ds="http://schemas.openxmlformats.org/officeDocument/2006/customXml" ds:itemID="{282E4142-DD05-41ED-92A2-E678C98D4D8F}">
  <ds:schemaRefs/>
</ds:datastoreItem>
</file>

<file path=customXml/itemProps28.xml><?xml version="1.0" encoding="utf-8"?>
<ds:datastoreItem xmlns:ds="http://schemas.openxmlformats.org/officeDocument/2006/customXml" ds:itemID="{53DAC62B-3E1F-4278-905C-D6D6DD7D340D}">
  <ds:schemaRefs/>
</ds:datastoreItem>
</file>

<file path=customXml/itemProps29.xml><?xml version="1.0" encoding="utf-8"?>
<ds:datastoreItem xmlns:ds="http://schemas.openxmlformats.org/officeDocument/2006/customXml" ds:itemID="{A28612F6-1691-4BFA-8AD8-D343F99B1E79}">
  <ds:schemaRefs/>
</ds:datastoreItem>
</file>

<file path=customXml/itemProps3.xml><?xml version="1.0" encoding="utf-8"?>
<ds:datastoreItem xmlns:ds="http://schemas.openxmlformats.org/officeDocument/2006/customXml" ds:itemID="{DF0A8BC5-F2DF-4B57-A114-4758BE8CEB9B}">
  <ds:schemaRefs/>
</ds:datastoreItem>
</file>

<file path=customXml/itemProps30.xml><?xml version="1.0" encoding="utf-8"?>
<ds:datastoreItem xmlns:ds="http://schemas.openxmlformats.org/officeDocument/2006/customXml" ds:itemID="{3FA3C7B7-8682-4D61-8ED5-5ADD5582CC6D}">
  <ds:schemaRefs/>
</ds:datastoreItem>
</file>

<file path=customXml/itemProps31.xml><?xml version="1.0" encoding="utf-8"?>
<ds:datastoreItem xmlns:ds="http://schemas.openxmlformats.org/officeDocument/2006/customXml" ds:itemID="{CC1A37D4-BCA7-4615-9AEB-B6DB8BA0E669}">
  <ds:schemaRefs/>
</ds:datastoreItem>
</file>

<file path=customXml/itemProps32.xml><?xml version="1.0" encoding="utf-8"?>
<ds:datastoreItem xmlns:ds="http://schemas.openxmlformats.org/officeDocument/2006/customXml" ds:itemID="{EE2FB545-F073-48E9-9C90-1333CE29E041}">
  <ds:schemaRefs/>
</ds:datastoreItem>
</file>

<file path=customXml/itemProps33.xml><?xml version="1.0" encoding="utf-8"?>
<ds:datastoreItem xmlns:ds="http://schemas.openxmlformats.org/officeDocument/2006/customXml" ds:itemID="{A040D670-E3C9-478A-AF79-105D182BAB81}">
  <ds:schemaRefs/>
</ds:datastoreItem>
</file>

<file path=customXml/itemProps34.xml><?xml version="1.0" encoding="utf-8"?>
<ds:datastoreItem xmlns:ds="http://schemas.openxmlformats.org/officeDocument/2006/customXml" ds:itemID="{F9C5689D-9CC6-4B12-B1F5-C5C661B253BC}">
  <ds:schemaRefs/>
</ds:datastoreItem>
</file>

<file path=customXml/itemProps35.xml><?xml version="1.0" encoding="utf-8"?>
<ds:datastoreItem xmlns:ds="http://schemas.openxmlformats.org/officeDocument/2006/customXml" ds:itemID="{44F78F6D-428B-45DC-BD0D-7EE89809206D}">
  <ds:schemaRefs/>
</ds:datastoreItem>
</file>

<file path=customXml/itemProps36.xml><?xml version="1.0" encoding="utf-8"?>
<ds:datastoreItem xmlns:ds="http://schemas.openxmlformats.org/officeDocument/2006/customXml" ds:itemID="{2C10236C-3B93-402E-B6B1-857DEB497767}">
  <ds:schemaRefs/>
</ds:datastoreItem>
</file>

<file path=customXml/itemProps37.xml><?xml version="1.0" encoding="utf-8"?>
<ds:datastoreItem xmlns:ds="http://schemas.openxmlformats.org/officeDocument/2006/customXml" ds:itemID="{9BB2FA20-B271-4A81-8CC1-2577584DB520}">
  <ds:schemaRefs/>
</ds:datastoreItem>
</file>

<file path=customXml/itemProps38.xml><?xml version="1.0" encoding="utf-8"?>
<ds:datastoreItem xmlns:ds="http://schemas.openxmlformats.org/officeDocument/2006/customXml" ds:itemID="{487F8D79-EA86-4370-AAD2-042794F2E0C0}">
  <ds:schemaRefs/>
</ds:datastoreItem>
</file>

<file path=customXml/itemProps39.xml><?xml version="1.0" encoding="utf-8"?>
<ds:datastoreItem xmlns:ds="http://schemas.openxmlformats.org/officeDocument/2006/customXml" ds:itemID="{868059ED-AF61-4C7E-BF3B-7E3DC27FF399}">
  <ds:schemaRefs/>
</ds:datastoreItem>
</file>

<file path=customXml/itemProps4.xml><?xml version="1.0" encoding="utf-8"?>
<ds:datastoreItem xmlns:ds="http://schemas.openxmlformats.org/officeDocument/2006/customXml" ds:itemID="{32832CAC-52F0-43E9-AFA9-CEFD8A762134}">
  <ds:schemaRefs/>
</ds:datastoreItem>
</file>

<file path=customXml/itemProps40.xml><?xml version="1.0" encoding="utf-8"?>
<ds:datastoreItem xmlns:ds="http://schemas.openxmlformats.org/officeDocument/2006/customXml" ds:itemID="{76C43F4F-6B22-4880-95B6-CB71375B760D}">
  <ds:schemaRefs/>
</ds:datastoreItem>
</file>

<file path=customXml/itemProps41.xml><?xml version="1.0" encoding="utf-8"?>
<ds:datastoreItem xmlns:ds="http://schemas.openxmlformats.org/officeDocument/2006/customXml" ds:itemID="{B99E88FE-9927-4279-8121-2EDFB14A4611}">
  <ds:schemaRefs/>
</ds:datastoreItem>
</file>

<file path=customXml/itemProps42.xml><?xml version="1.0" encoding="utf-8"?>
<ds:datastoreItem xmlns:ds="http://schemas.openxmlformats.org/officeDocument/2006/customXml" ds:itemID="{B6434493-CB9C-43D0-9874-4A678017EC36}">
  <ds:schemaRefs/>
</ds:datastoreItem>
</file>

<file path=customXml/itemProps43.xml><?xml version="1.0" encoding="utf-8"?>
<ds:datastoreItem xmlns:ds="http://schemas.openxmlformats.org/officeDocument/2006/customXml" ds:itemID="{EE223208-F538-476D-9742-96AFFF4756E6}">
  <ds:schemaRefs/>
</ds:datastoreItem>
</file>

<file path=customXml/itemProps44.xml><?xml version="1.0" encoding="utf-8"?>
<ds:datastoreItem xmlns:ds="http://schemas.openxmlformats.org/officeDocument/2006/customXml" ds:itemID="{60AF94A4-1BF2-4F92-9FA0-2C05B64A6F53}">
  <ds:schemaRefs/>
</ds:datastoreItem>
</file>

<file path=customXml/itemProps45.xml><?xml version="1.0" encoding="utf-8"?>
<ds:datastoreItem xmlns:ds="http://schemas.openxmlformats.org/officeDocument/2006/customXml" ds:itemID="{A437611F-3B9E-4810-A82D-C5F23FC613BF}">
  <ds:schemaRefs/>
</ds:datastoreItem>
</file>

<file path=customXml/itemProps46.xml><?xml version="1.0" encoding="utf-8"?>
<ds:datastoreItem xmlns:ds="http://schemas.openxmlformats.org/officeDocument/2006/customXml" ds:itemID="{8DAD89AB-81DA-470A-A16A-DC3AA21943BF}">
  <ds:schemaRefs/>
</ds:datastoreItem>
</file>

<file path=customXml/itemProps47.xml><?xml version="1.0" encoding="utf-8"?>
<ds:datastoreItem xmlns:ds="http://schemas.openxmlformats.org/officeDocument/2006/customXml" ds:itemID="{E52404A4-50AB-47B3-BEEC-A8E931100FEB}">
  <ds:schemaRefs/>
</ds:datastoreItem>
</file>

<file path=customXml/itemProps48.xml><?xml version="1.0" encoding="utf-8"?>
<ds:datastoreItem xmlns:ds="http://schemas.openxmlformats.org/officeDocument/2006/customXml" ds:itemID="{4FAF3790-EAFC-4750-93C3-F361719CC14B}">
  <ds:schemaRefs/>
</ds:datastoreItem>
</file>

<file path=customXml/itemProps49.xml><?xml version="1.0" encoding="utf-8"?>
<ds:datastoreItem xmlns:ds="http://schemas.openxmlformats.org/officeDocument/2006/customXml" ds:itemID="{2879BF6F-2EFE-4593-8040-16F1AAADF34C}">
  <ds:schemaRefs/>
</ds:datastoreItem>
</file>

<file path=customXml/itemProps5.xml><?xml version="1.0" encoding="utf-8"?>
<ds:datastoreItem xmlns:ds="http://schemas.openxmlformats.org/officeDocument/2006/customXml" ds:itemID="{923257D0-4F7A-463E-8A01-0C82CED6CA8E}">
  <ds:schemaRefs/>
</ds:datastoreItem>
</file>

<file path=customXml/itemProps50.xml><?xml version="1.0" encoding="utf-8"?>
<ds:datastoreItem xmlns:ds="http://schemas.openxmlformats.org/officeDocument/2006/customXml" ds:itemID="{46DAA50B-3D38-408E-B560-0418B8C7A30F}">
  <ds:schemaRefs/>
</ds:datastoreItem>
</file>

<file path=customXml/itemProps51.xml><?xml version="1.0" encoding="utf-8"?>
<ds:datastoreItem xmlns:ds="http://schemas.openxmlformats.org/officeDocument/2006/customXml" ds:itemID="{42EF3AAE-8010-4888-A8FB-006D6AC3E233}">
  <ds:schemaRefs/>
</ds:datastoreItem>
</file>

<file path=customXml/itemProps52.xml><?xml version="1.0" encoding="utf-8"?>
<ds:datastoreItem xmlns:ds="http://schemas.openxmlformats.org/officeDocument/2006/customXml" ds:itemID="{9C41258B-8590-44AF-A031-760088CC4843}">
  <ds:schemaRefs/>
</ds:datastoreItem>
</file>

<file path=customXml/itemProps53.xml><?xml version="1.0" encoding="utf-8"?>
<ds:datastoreItem xmlns:ds="http://schemas.openxmlformats.org/officeDocument/2006/customXml" ds:itemID="{5822B79E-F7B2-4BAE-BB4D-65D5E71E425F}">
  <ds:schemaRefs/>
</ds:datastoreItem>
</file>

<file path=customXml/itemProps54.xml><?xml version="1.0" encoding="utf-8"?>
<ds:datastoreItem xmlns:ds="http://schemas.openxmlformats.org/officeDocument/2006/customXml" ds:itemID="{4B94C7E9-2940-4F92-A6E8-691B1FE5DE27}">
  <ds:schemaRefs/>
</ds:datastoreItem>
</file>

<file path=customXml/itemProps55.xml><?xml version="1.0" encoding="utf-8"?>
<ds:datastoreItem xmlns:ds="http://schemas.openxmlformats.org/officeDocument/2006/customXml" ds:itemID="{3ABE120C-1939-43C6-A909-73BFE21F83FF}">
  <ds:schemaRefs/>
</ds:datastoreItem>
</file>

<file path=customXml/itemProps56.xml><?xml version="1.0" encoding="utf-8"?>
<ds:datastoreItem xmlns:ds="http://schemas.openxmlformats.org/officeDocument/2006/customXml" ds:itemID="{95ED3126-12DA-4AE3-B946-FD326E3BB79A}">
  <ds:schemaRefs/>
</ds:datastoreItem>
</file>

<file path=customXml/itemProps57.xml><?xml version="1.0" encoding="utf-8"?>
<ds:datastoreItem xmlns:ds="http://schemas.openxmlformats.org/officeDocument/2006/customXml" ds:itemID="{904F0CE3-1B4B-4CD6-90F5-5D5E92126EAB}">
  <ds:schemaRefs/>
</ds:datastoreItem>
</file>

<file path=customXml/itemProps58.xml><?xml version="1.0" encoding="utf-8"?>
<ds:datastoreItem xmlns:ds="http://schemas.openxmlformats.org/officeDocument/2006/customXml" ds:itemID="{8BFB36A7-85A6-44F8-9741-88038F71773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f88e692-e867-4d92-ab0a-a3ab2601f354"/>
    <ds:schemaRef ds:uri="20f94ec3-e9d0-4dc7-9a84-97b6b322ffb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9.xml><?xml version="1.0" encoding="utf-8"?>
<ds:datastoreItem xmlns:ds="http://schemas.openxmlformats.org/officeDocument/2006/customXml" ds:itemID="{00C5C385-7778-4439-9607-84628A51B3BF}">
  <ds:schemaRefs/>
</ds:datastoreItem>
</file>

<file path=customXml/itemProps6.xml><?xml version="1.0" encoding="utf-8"?>
<ds:datastoreItem xmlns:ds="http://schemas.openxmlformats.org/officeDocument/2006/customXml" ds:itemID="{9494D93A-A12A-4570-95AF-934FE400135B}">
  <ds:schemaRefs/>
</ds:datastoreItem>
</file>

<file path=customXml/itemProps60.xml><?xml version="1.0" encoding="utf-8"?>
<ds:datastoreItem xmlns:ds="http://schemas.openxmlformats.org/officeDocument/2006/customXml" ds:itemID="{64D305EF-438F-4BA9-BD12-E5D256FF58FC}">
  <ds:schemaRefs/>
</ds:datastoreItem>
</file>

<file path=customXml/itemProps61.xml><?xml version="1.0" encoding="utf-8"?>
<ds:datastoreItem xmlns:ds="http://schemas.openxmlformats.org/officeDocument/2006/customXml" ds:itemID="{56DDB54D-6FFC-408F-876C-51E6C7DC045A}">
  <ds:schemaRefs/>
</ds:datastoreItem>
</file>

<file path=customXml/itemProps62.xml><?xml version="1.0" encoding="utf-8"?>
<ds:datastoreItem xmlns:ds="http://schemas.openxmlformats.org/officeDocument/2006/customXml" ds:itemID="{CEEE09D6-85E5-4E6C-AB45-32E3D14F46CC}">
  <ds:schemaRefs/>
</ds:datastoreItem>
</file>

<file path=customXml/itemProps63.xml><?xml version="1.0" encoding="utf-8"?>
<ds:datastoreItem xmlns:ds="http://schemas.openxmlformats.org/officeDocument/2006/customXml" ds:itemID="{8FC214B8-8D81-4A28-85EF-3FACE8A04774}">
  <ds:schemaRefs/>
</ds:datastoreItem>
</file>

<file path=customXml/itemProps64.xml><?xml version="1.0" encoding="utf-8"?>
<ds:datastoreItem xmlns:ds="http://schemas.openxmlformats.org/officeDocument/2006/customXml" ds:itemID="{9D91F331-FCB9-4621-A670-D1CB6EC434F7}">
  <ds:schemaRefs/>
</ds:datastoreItem>
</file>

<file path=customXml/itemProps65.xml><?xml version="1.0" encoding="utf-8"?>
<ds:datastoreItem xmlns:ds="http://schemas.openxmlformats.org/officeDocument/2006/customXml" ds:itemID="{BE381710-3562-430F-A109-142194953A9E}">
  <ds:schemaRefs/>
</ds:datastoreItem>
</file>

<file path=customXml/itemProps66.xml><?xml version="1.0" encoding="utf-8"?>
<ds:datastoreItem xmlns:ds="http://schemas.openxmlformats.org/officeDocument/2006/customXml" ds:itemID="{615C7226-F1CB-4431-879D-4915B466F6FF}">
  <ds:schemaRefs/>
</ds:datastoreItem>
</file>

<file path=customXml/itemProps67.xml><?xml version="1.0" encoding="utf-8"?>
<ds:datastoreItem xmlns:ds="http://schemas.openxmlformats.org/officeDocument/2006/customXml" ds:itemID="{E7DB7416-FA66-43E3-B844-9F656F8E76EB}">
  <ds:schemaRefs/>
</ds:datastoreItem>
</file>

<file path=customXml/itemProps68.xml><?xml version="1.0" encoding="utf-8"?>
<ds:datastoreItem xmlns:ds="http://schemas.openxmlformats.org/officeDocument/2006/customXml" ds:itemID="{02681B5C-7488-4DF7-83E4-364FC0DD543C}">
  <ds:schemaRefs/>
</ds:datastoreItem>
</file>

<file path=customXml/itemProps69.xml><?xml version="1.0" encoding="utf-8"?>
<ds:datastoreItem xmlns:ds="http://schemas.openxmlformats.org/officeDocument/2006/customXml" ds:itemID="{94F9ABA6-92E3-4A79-821C-3792E0508C1E}">
  <ds:schemaRefs/>
</ds:datastoreItem>
</file>

<file path=customXml/itemProps7.xml><?xml version="1.0" encoding="utf-8"?>
<ds:datastoreItem xmlns:ds="http://schemas.openxmlformats.org/officeDocument/2006/customXml" ds:itemID="{BB4AE1FD-C9F4-4650-A67E-65E7835CD8AF}">
  <ds:schemaRefs/>
</ds:datastoreItem>
</file>

<file path=customXml/itemProps70.xml><?xml version="1.0" encoding="utf-8"?>
<ds:datastoreItem xmlns:ds="http://schemas.openxmlformats.org/officeDocument/2006/customXml" ds:itemID="{AFC99524-8D91-4629-9AC0-C9E864B5C468}">
  <ds:schemaRefs/>
</ds:datastoreItem>
</file>

<file path=customXml/itemProps71.xml><?xml version="1.0" encoding="utf-8"?>
<ds:datastoreItem xmlns:ds="http://schemas.openxmlformats.org/officeDocument/2006/customXml" ds:itemID="{8ADE9297-7E1A-486F-A204-B740AFE6B5B5}">
  <ds:schemaRefs/>
</ds:datastoreItem>
</file>

<file path=customXml/itemProps72.xml><?xml version="1.0" encoding="utf-8"?>
<ds:datastoreItem xmlns:ds="http://schemas.openxmlformats.org/officeDocument/2006/customXml" ds:itemID="{51D03129-D959-41C8-8B15-F32FA3A9A0AF}">
  <ds:schemaRefs/>
</ds:datastoreItem>
</file>

<file path=customXml/itemProps73.xml><?xml version="1.0" encoding="utf-8"?>
<ds:datastoreItem xmlns:ds="http://schemas.openxmlformats.org/officeDocument/2006/customXml" ds:itemID="{C9A44B90-F85E-48BD-8CF9-3233DD4C6F42}">
  <ds:schemaRefs/>
</ds:datastoreItem>
</file>

<file path=customXml/itemProps74.xml><?xml version="1.0" encoding="utf-8"?>
<ds:datastoreItem xmlns:ds="http://schemas.openxmlformats.org/officeDocument/2006/customXml" ds:itemID="{3063D82C-DC77-454D-8477-D313780567A9}">
  <ds:schemaRefs/>
</ds:datastoreItem>
</file>

<file path=customXml/itemProps75.xml><?xml version="1.0" encoding="utf-8"?>
<ds:datastoreItem xmlns:ds="http://schemas.openxmlformats.org/officeDocument/2006/customXml" ds:itemID="{214CFF4D-CEE2-4ED6-AC8A-41B54DA24CA7}">
  <ds:schemaRefs>
    <ds:schemaRef ds:uri="http://schemas.microsoft.com/office/2006/documentManagement/types"/>
    <ds:schemaRef ds:uri="http://www.w3.org/XML/1998/namespace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20f94ec3-e9d0-4dc7-9a84-97b6b322ffba"/>
    <ds:schemaRef ds:uri="1f88e692-e867-4d92-ab0a-a3ab2601f354"/>
    <ds:schemaRef ds:uri="http://schemas.microsoft.com/office/2006/metadata/properties"/>
    <ds:schemaRef ds:uri="http://purl.org/dc/terms/"/>
  </ds:schemaRefs>
</ds:datastoreItem>
</file>

<file path=customXml/itemProps76.xml><?xml version="1.0" encoding="utf-8"?>
<ds:datastoreItem xmlns:ds="http://schemas.openxmlformats.org/officeDocument/2006/customXml" ds:itemID="{1ADFE48A-2456-448D-8B98-177A15629974}">
  <ds:schemaRefs/>
</ds:datastoreItem>
</file>

<file path=customXml/itemProps77.xml><?xml version="1.0" encoding="utf-8"?>
<ds:datastoreItem xmlns:ds="http://schemas.openxmlformats.org/officeDocument/2006/customXml" ds:itemID="{1D258BBE-EBA2-40FD-A60E-297457346D24}">
  <ds:schemaRefs/>
</ds:datastoreItem>
</file>

<file path=customXml/itemProps78.xml><?xml version="1.0" encoding="utf-8"?>
<ds:datastoreItem xmlns:ds="http://schemas.openxmlformats.org/officeDocument/2006/customXml" ds:itemID="{DF307ED3-2249-4B9C-884D-A927910AE065}">
  <ds:schemaRefs/>
</ds:datastoreItem>
</file>

<file path=customXml/itemProps79.xml><?xml version="1.0" encoding="utf-8"?>
<ds:datastoreItem xmlns:ds="http://schemas.openxmlformats.org/officeDocument/2006/customXml" ds:itemID="{76854050-5948-41C2-AABB-1BA7760521F9}">
  <ds:schemaRefs/>
</ds:datastoreItem>
</file>

<file path=customXml/itemProps8.xml><?xml version="1.0" encoding="utf-8"?>
<ds:datastoreItem xmlns:ds="http://schemas.openxmlformats.org/officeDocument/2006/customXml" ds:itemID="{343A2E30-49B2-4B78-BE6C-51D924F0D1DE}">
  <ds:schemaRefs/>
</ds:datastoreItem>
</file>

<file path=customXml/itemProps80.xml><?xml version="1.0" encoding="utf-8"?>
<ds:datastoreItem xmlns:ds="http://schemas.openxmlformats.org/officeDocument/2006/customXml" ds:itemID="{DEB90AA9-C972-4F1A-9FA6-58DFB866E533}">
  <ds:schemaRefs/>
</ds:datastoreItem>
</file>

<file path=customXml/itemProps81.xml><?xml version="1.0" encoding="utf-8"?>
<ds:datastoreItem xmlns:ds="http://schemas.openxmlformats.org/officeDocument/2006/customXml" ds:itemID="{93A13FEC-436B-46C2-99EF-93FA64CA3B65}">
  <ds:schemaRefs/>
</ds:datastoreItem>
</file>

<file path=customXml/itemProps82.xml><?xml version="1.0" encoding="utf-8"?>
<ds:datastoreItem xmlns:ds="http://schemas.openxmlformats.org/officeDocument/2006/customXml" ds:itemID="{D6BA80EE-944C-404D-8C32-26C4383CA518}">
  <ds:schemaRefs/>
</ds:datastoreItem>
</file>

<file path=customXml/itemProps83.xml><?xml version="1.0" encoding="utf-8"?>
<ds:datastoreItem xmlns:ds="http://schemas.openxmlformats.org/officeDocument/2006/customXml" ds:itemID="{BE77CF0D-D39F-4A82-A510-6049C9313FDB}">
  <ds:schemaRefs/>
</ds:datastoreItem>
</file>

<file path=customXml/itemProps84.xml><?xml version="1.0" encoding="utf-8"?>
<ds:datastoreItem xmlns:ds="http://schemas.openxmlformats.org/officeDocument/2006/customXml" ds:itemID="{9CAE2CC0-EE1F-4890-92FA-BE98A1E8AF98}">
  <ds:schemaRefs/>
</ds:datastoreItem>
</file>

<file path=customXml/itemProps85.xml><?xml version="1.0" encoding="utf-8"?>
<ds:datastoreItem xmlns:ds="http://schemas.openxmlformats.org/officeDocument/2006/customXml" ds:itemID="{C714C267-8B7B-49FC-875E-C3692EAC7999}">
  <ds:schemaRefs/>
</ds:datastoreItem>
</file>

<file path=customXml/itemProps86.xml><?xml version="1.0" encoding="utf-8"?>
<ds:datastoreItem xmlns:ds="http://schemas.openxmlformats.org/officeDocument/2006/customXml" ds:itemID="{CA8E9AFB-CC58-41D4-8BCD-BB376FDF9469}">
  <ds:schemaRefs/>
</ds:datastoreItem>
</file>

<file path=customXml/itemProps87.xml><?xml version="1.0" encoding="utf-8"?>
<ds:datastoreItem xmlns:ds="http://schemas.openxmlformats.org/officeDocument/2006/customXml" ds:itemID="{E992D83C-21D1-4249-8C04-997570B132C7}">
  <ds:schemaRefs/>
</ds:datastoreItem>
</file>

<file path=customXml/itemProps88.xml><?xml version="1.0" encoding="utf-8"?>
<ds:datastoreItem xmlns:ds="http://schemas.openxmlformats.org/officeDocument/2006/customXml" ds:itemID="{5E73CD95-0C47-493F-889C-12B3E6A53056}">
  <ds:schemaRefs/>
</ds:datastoreItem>
</file>

<file path=customXml/itemProps89.xml><?xml version="1.0" encoding="utf-8"?>
<ds:datastoreItem xmlns:ds="http://schemas.openxmlformats.org/officeDocument/2006/customXml" ds:itemID="{B2FF03B8-E6FB-4FBC-A2F0-C32B4A4447AE}">
  <ds:schemaRefs/>
</ds:datastoreItem>
</file>

<file path=customXml/itemProps9.xml><?xml version="1.0" encoding="utf-8"?>
<ds:datastoreItem xmlns:ds="http://schemas.openxmlformats.org/officeDocument/2006/customXml" ds:itemID="{23AAF0AA-ABCA-4E5F-86EA-6E07F29C5A84}">
  <ds:schemaRefs/>
</ds:datastoreItem>
</file>

<file path=customXml/itemProps90.xml><?xml version="1.0" encoding="utf-8"?>
<ds:datastoreItem xmlns:ds="http://schemas.openxmlformats.org/officeDocument/2006/customXml" ds:itemID="{1D282B04-BEE2-4573-91A1-BC45CE962BAB}">
  <ds:schemaRefs/>
</ds:datastoreItem>
</file>

<file path=customXml/itemProps91.xml><?xml version="1.0" encoding="utf-8"?>
<ds:datastoreItem xmlns:ds="http://schemas.openxmlformats.org/officeDocument/2006/customXml" ds:itemID="{48E346DC-B379-4FC1-8B14-7769EEA56968}">
  <ds:schemaRefs/>
</ds:datastoreItem>
</file>

<file path=customXml/itemProps92.xml><?xml version="1.0" encoding="utf-8"?>
<ds:datastoreItem xmlns:ds="http://schemas.openxmlformats.org/officeDocument/2006/customXml" ds:itemID="{45259208-E57C-4475-8DB0-03DA4157B3B5}">
  <ds:schemaRefs/>
</ds:datastoreItem>
</file>

<file path=customXml/itemProps93.xml><?xml version="1.0" encoding="utf-8"?>
<ds:datastoreItem xmlns:ds="http://schemas.openxmlformats.org/officeDocument/2006/customXml" ds:itemID="{0F8203DA-B497-441D-878A-230D20592ADA}">
  <ds:schemaRefs/>
</ds:datastoreItem>
</file>

<file path=customXml/itemProps94.xml><?xml version="1.0" encoding="utf-8"?>
<ds:datastoreItem xmlns:ds="http://schemas.openxmlformats.org/officeDocument/2006/customXml" ds:itemID="{F050BA04-54DF-452E-A0DA-BCD3D806C112}">
  <ds:schemaRefs/>
</ds:datastoreItem>
</file>

<file path=customXml/itemProps95.xml><?xml version="1.0" encoding="utf-8"?>
<ds:datastoreItem xmlns:ds="http://schemas.openxmlformats.org/officeDocument/2006/customXml" ds:itemID="{7E1AAA7A-4582-4EE0-AE26-3D110362AA2A}">
  <ds:schemaRefs/>
</ds:datastoreItem>
</file>

<file path=customXml/itemProps96.xml><?xml version="1.0" encoding="utf-8"?>
<ds:datastoreItem xmlns:ds="http://schemas.openxmlformats.org/officeDocument/2006/customXml" ds:itemID="{A356CF20-5A5D-4456-9426-D871EE66AEB9}">
  <ds:schemaRefs/>
</ds:datastoreItem>
</file>

<file path=customXml/itemProps97.xml><?xml version="1.0" encoding="utf-8"?>
<ds:datastoreItem xmlns:ds="http://schemas.openxmlformats.org/officeDocument/2006/customXml" ds:itemID="{2C284416-1E57-435C-AFB1-A589A77E0CDC}">
  <ds:schemaRefs/>
</ds:datastoreItem>
</file>

<file path=customXml/itemProps98.xml><?xml version="1.0" encoding="utf-8"?>
<ds:datastoreItem xmlns:ds="http://schemas.openxmlformats.org/officeDocument/2006/customXml" ds:itemID="{BCADEADC-F726-4D8D-A61E-BCB3F7130EC9}">
  <ds:schemaRefs/>
</ds:datastoreItem>
</file>

<file path=customXml/itemProps99.xml><?xml version="1.0" encoding="utf-8"?>
<ds:datastoreItem xmlns:ds="http://schemas.openxmlformats.org/officeDocument/2006/customXml" ds:itemID="{1B816D3B-6F5D-4D63-8E3A-673004268F6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etcompany Powerpoint Template</Template>
  <TotalTime>10213</TotalTime>
  <Words>4213</Words>
  <Application>Microsoft Office PowerPoint</Application>
  <PresentationFormat>Widescreen</PresentationFormat>
  <Paragraphs>645</Paragraphs>
  <Slides>52</Slides>
  <Notes>52</Notes>
  <HiddenSlides>0</HiddenSlides>
  <MMClips>1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2</vt:i4>
      </vt:variant>
    </vt:vector>
  </HeadingPairs>
  <TitlesOfParts>
    <vt:vector size="58" baseType="lpstr">
      <vt:lpstr>Arial</vt:lpstr>
      <vt:lpstr>Wingdings</vt:lpstr>
      <vt:lpstr>Netcompany-Offc</vt:lpstr>
      <vt:lpstr>Tahoma</vt:lpstr>
      <vt:lpstr>Aptos Mono</vt:lpstr>
      <vt:lpstr>Netcompany</vt:lpstr>
      <vt:lpstr>JavaFX in Action</vt:lpstr>
      <vt:lpstr>PowerPoint Presentation</vt:lpstr>
      <vt:lpstr>Paweł Gawędzki</vt:lpstr>
      <vt:lpstr>PowerPoint Presentation</vt:lpstr>
      <vt:lpstr>What is JavaFX?</vt:lpstr>
      <vt:lpstr>PowerPoint Presentation</vt:lpstr>
      <vt:lpstr>Architecture</vt:lpstr>
      <vt:lpstr>Window – Stage – Scene</vt:lpstr>
      <vt:lpstr>UI Controls</vt:lpstr>
      <vt:lpstr>PowerPoint Presentation</vt:lpstr>
      <vt:lpstr>FXML</vt:lpstr>
      <vt:lpstr>Scene Builder</vt:lpstr>
      <vt:lpstr>PowerPoint Presentation</vt:lpstr>
      <vt:lpstr>Events</vt:lpstr>
      <vt:lpstr>Events</vt:lpstr>
      <vt:lpstr>Properties</vt:lpstr>
      <vt:lpstr>Listeners</vt:lpstr>
      <vt:lpstr>Properties - Listeners</vt:lpstr>
      <vt:lpstr>PowerPoint Presentation</vt:lpstr>
      <vt:lpstr>Property binding</vt:lpstr>
      <vt:lpstr>PowerPoint Presentation</vt:lpstr>
      <vt:lpstr>Background processing</vt:lpstr>
      <vt:lpstr>Background processing – Task class</vt:lpstr>
      <vt:lpstr>Background processing – Service class</vt:lpstr>
      <vt:lpstr>Background processing – example</vt:lpstr>
      <vt:lpstr>PowerPoint Presentation</vt:lpstr>
      <vt:lpstr>CSS – Transformation - Animation</vt:lpstr>
      <vt:lpstr>CSS</vt:lpstr>
      <vt:lpstr>Transformation</vt:lpstr>
      <vt:lpstr>Animation</vt:lpstr>
      <vt:lpstr>PowerPoint Presentation</vt:lpstr>
      <vt:lpstr>Frameworks</vt:lpstr>
      <vt:lpstr>PowerPoint Presentation</vt:lpstr>
      <vt:lpstr>The most common mistakes according to AI</vt:lpstr>
      <vt:lpstr>Where to start?</vt:lpstr>
      <vt:lpstr>Bonus</vt:lpstr>
      <vt:lpstr>PowerPoint Presentation</vt:lpstr>
      <vt:lpstr>Java concurrent – Runnable, Callable</vt:lpstr>
      <vt:lpstr>Java concurrent – Thread</vt:lpstr>
      <vt:lpstr>Java concurrent – Platform Threads</vt:lpstr>
      <vt:lpstr>Java concurrent – Virtual Threads</vt:lpstr>
      <vt:lpstr>Java concurrent – Thread examples</vt:lpstr>
      <vt:lpstr>Java concurrent – Executor</vt:lpstr>
      <vt:lpstr>Java concurrent – ExecutorService</vt:lpstr>
      <vt:lpstr>Java concurrent – ExecutorService</vt:lpstr>
      <vt:lpstr>Java concurrent – Executors</vt:lpstr>
      <vt:lpstr>Java concurrent – Executors</vt:lpstr>
      <vt:lpstr>Java concurrent - Future</vt:lpstr>
      <vt:lpstr>Java concurrent - Future</vt:lpstr>
      <vt:lpstr>Java concurrent - CompletableFuture</vt:lpstr>
      <vt:lpstr>Java concurrent - CompletableFuture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Uffe Birkedal</dc:creator>
  <cp:lastModifiedBy>Paweł Gawędzki</cp:lastModifiedBy>
  <cp:revision>23</cp:revision>
  <dcterms:created xsi:type="dcterms:W3CDTF">2024-04-25T07:56:42Z</dcterms:created>
  <dcterms:modified xsi:type="dcterms:W3CDTF">2025-05-23T07:27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omnidocs.com</vt:lpwstr>
  </property>
  <property fmtid="{D5CDD505-2E9C-101B-9397-08002B2CF9AE}" pid="3" name="ContentTypeId">
    <vt:lpwstr>0x0101006F990523451A5B42A62F3FEF0EAF9ED3</vt:lpwstr>
  </property>
  <property fmtid="{D5CDD505-2E9C-101B-9397-08002B2CF9AE}" pid="4" name="MediaServiceImageTags">
    <vt:lpwstr/>
  </property>
  <property fmtid="{D5CDD505-2E9C-101B-9397-08002B2CF9AE}" pid="5" name="TemplafyTimeStamp">
    <vt:lpwstr>2024-04-23T10:56:56</vt:lpwstr>
  </property>
  <property fmtid="{D5CDD505-2E9C-101B-9397-08002B2CF9AE}" pid="6" name="TemplafyTenantId">
    <vt:lpwstr>netcompany</vt:lpwstr>
  </property>
  <property fmtid="{D5CDD505-2E9C-101B-9397-08002B2CF9AE}" pid="7" name="TemplafyTemplateId">
    <vt:lpwstr>896880345885704710</vt:lpwstr>
  </property>
  <property fmtid="{D5CDD505-2E9C-101B-9397-08002B2CF9AE}" pid="8" name="TemplafyUserProfileId">
    <vt:lpwstr>842236507839791137</vt:lpwstr>
  </property>
  <property fmtid="{D5CDD505-2E9C-101B-9397-08002B2CF9AE}" pid="9" name="TemplafyFromBlank">
    <vt:bool>true</vt:bool>
  </property>
</Properties>
</file>